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diagrams/data5.xml" ContentType="application/vnd.openxmlformats-officedocument.drawingml.diagramData+xml"/>
  <Override PartName="/ppt/diagrams/layout5.xml" ContentType="application/vnd.openxmlformats-officedocument.drawingml.diagramLayout+xml"/>
  <Override PartName="/ppt/diagrams/quickStyle5.xml" ContentType="application/vnd.openxmlformats-officedocument.drawingml.diagramStyle+xml"/>
  <Override PartName="/ppt/diagrams/colors5.xml" ContentType="application/vnd.openxmlformats-officedocument.drawingml.diagramColors+xml"/>
  <Override PartName="/ppt/diagrams/drawing5.xml" ContentType="application/vnd.ms-office.drawingml.diagramDrawing+xml"/>
  <Override PartName="/ppt/diagrams/data6.xml" ContentType="application/vnd.openxmlformats-officedocument.drawingml.diagramData+xml"/>
  <Override PartName="/ppt/diagrams/layout6.xml" ContentType="application/vnd.openxmlformats-officedocument.drawingml.diagramLayout+xml"/>
  <Override PartName="/ppt/diagrams/quickStyle6.xml" ContentType="application/vnd.openxmlformats-officedocument.drawingml.diagramStyle+xml"/>
  <Override PartName="/ppt/diagrams/colors6.xml" ContentType="application/vnd.openxmlformats-officedocument.drawingml.diagramColors+xml"/>
  <Override PartName="/ppt/diagrams/drawing6.xml" ContentType="application/vnd.ms-office.drawingml.diagramDrawing+xml"/>
  <Override PartName="/ppt/diagrams/data7.xml" ContentType="application/vnd.openxmlformats-officedocument.drawingml.diagramData+xml"/>
  <Override PartName="/ppt/diagrams/layout7.xml" ContentType="application/vnd.openxmlformats-officedocument.drawingml.diagramLayout+xml"/>
  <Override PartName="/ppt/diagrams/quickStyle7.xml" ContentType="application/vnd.openxmlformats-officedocument.drawingml.diagramStyle+xml"/>
  <Override PartName="/ppt/diagrams/colors7.xml" ContentType="application/vnd.openxmlformats-officedocument.drawingml.diagramColors+xml"/>
  <Override PartName="/ppt/diagrams/drawing7.xml" ContentType="application/vnd.ms-office.drawingml.diagramDrawing+xml"/>
  <Override PartName="/ppt/diagrams/data8.xml" ContentType="application/vnd.openxmlformats-officedocument.drawingml.diagramData+xml"/>
  <Override PartName="/ppt/diagrams/layout8.xml" ContentType="application/vnd.openxmlformats-officedocument.drawingml.diagramLayout+xml"/>
  <Override PartName="/ppt/diagrams/quickStyle8.xml" ContentType="application/vnd.openxmlformats-officedocument.drawingml.diagramStyle+xml"/>
  <Override PartName="/ppt/diagrams/colors8.xml" ContentType="application/vnd.openxmlformats-officedocument.drawingml.diagramColors+xml"/>
  <Override PartName="/ppt/diagrams/drawing8.xml" ContentType="application/vnd.ms-office.drawingml.diagramDrawing+xml"/>
  <Override PartName="/ppt/diagrams/data9.xml" ContentType="application/vnd.openxmlformats-officedocument.drawingml.diagramData+xml"/>
  <Override PartName="/ppt/diagrams/layout9.xml" ContentType="application/vnd.openxmlformats-officedocument.drawingml.diagramLayout+xml"/>
  <Override PartName="/ppt/diagrams/quickStyle9.xml" ContentType="application/vnd.openxmlformats-officedocument.drawingml.diagramStyle+xml"/>
  <Override PartName="/ppt/diagrams/colors9.xml" ContentType="application/vnd.openxmlformats-officedocument.drawingml.diagramColors+xml"/>
  <Override PartName="/ppt/diagrams/drawing9.xml" ContentType="application/vnd.ms-office.drawingml.diagramDrawing+xml"/>
  <Override PartName="/ppt/diagrams/data10.xml" ContentType="application/vnd.openxmlformats-officedocument.drawingml.diagramData+xml"/>
  <Override PartName="/ppt/diagrams/layout10.xml" ContentType="application/vnd.openxmlformats-officedocument.drawingml.diagramLayout+xml"/>
  <Override PartName="/ppt/diagrams/quickStyle10.xml" ContentType="application/vnd.openxmlformats-officedocument.drawingml.diagramStyle+xml"/>
  <Override PartName="/ppt/diagrams/colors10.xml" ContentType="application/vnd.openxmlformats-officedocument.drawingml.diagramColors+xml"/>
  <Override PartName="/ppt/diagrams/drawing10.xml" ContentType="application/vnd.ms-office.drawingml.diagramDrawing+xml"/>
  <Override PartName="/ppt/diagrams/data11.xml" ContentType="application/vnd.openxmlformats-officedocument.drawingml.diagramData+xml"/>
  <Override PartName="/ppt/diagrams/layout11.xml" ContentType="application/vnd.openxmlformats-officedocument.drawingml.diagramLayout+xml"/>
  <Override PartName="/ppt/diagrams/quickStyle11.xml" ContentType="application/vnd.openxmlformats-officedocument.drawingml.diagramStyle+xml"/>
  <Override PartName="/ppt/diagrams/colors11.xml" ContentType="application/vnd.openxmlformats-officedocument.drawingml.diagramColors+xml"/>
  <Override PartName="/ppt/diagrams/drawing11.xml" ContentType="application/vnd.ms-office.drawingml.diagramDrawing+xml"/>
  <Override PartName="/ppt/diagrams/data12.xml" ContentType="application/vnd.openxmlformats-officedocument.drawingml.diagramData+xml"/>
  <Override PartName="/ppt/diagrams/layout12.xml" ContentType="application/vnd.openxmlformats-officedocument.drawingml.diagramLayout+xml"/>
  <Override PartName="/ppt/diagrams/quickStyle12.xml" ContentType="application/vnd.openxmlformats-officedocument.drawingml.diagramStyle+xml"/>
  <Override PartName="/ppt/diagrams/colors12.xml" ContentType="application/vnd.openxmlformats-officedocument.drawingml.diagramColors+xml"/>
  <Override PartName="/ppt/diagrams/drawing12.xml" ContentType="application/vnd.ms-office.drawingml.diagramDrawing+xml"/>
  <Override PartName="/ppt/diagrams/data13.xml" ContentType="application/vnd.openxmlformats-officedocument.drawingml.diagramData+xml"/>
  <Override PartName="/ppt/diagrams/layout13.xml" ContentType="application/vnd.openxmlformats-officedocument.drawingml.diagramLayout+xml"/>
  <Override PartName="/ppt/diagrams/quickStyle13.xml" ContentType="application/vnd.openxmlformats-officedocument.drawingml.diagramStyle+xml"/>
  <Override PartName="/ppt/diagrams/colors13.xml" ContentType="application/vnd.openxmlformats-officedocument.drawingml.diagramColors+xml"/>
  <Override PartName="/ppt/diagrams/drawing13.xml" ContentType="application/vnd.ms-office.drawingml.diagramDrawing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648" r:id="rId16"/>
    <p:sldMasterId id="2147483729" r:id="rId17"/>
  </p:sldMasterIdLst>
  <p:notesMasterIdLst>
    <p:notesMasterId r:id="rId46"/>
  </p:notesMasterIdLst>
  <p:handoutMasterIdLst>
    <p:handoutMasterId r:id="rId47"/>
  </p:handoutMasterIdLst>
  <p:sldIdLst>
    <p:sldId id="266" r:id="rId18"/>
    <p:sldId id="269" r:id="rId19"/>
    <p:sldId id="270" r:id="rId20"/>
    <p:sldId id="271" r:id="rId21"/>
    <p:sldId id="274" r:id="rId22"/>
    <p:sldId id="278" r:id="rId23"/>
    <p:sldId id="275" r:id="rId24"/>
    <p:sldId id="279" r:id="rId25"/>
    <p:sldId id="283" r:id="rId26"/>
    <p:sldId id="282" r:id="rId27"/>
    <p:sldId id="280" r:id="rId28"/>
    <p:sldId id="288" r:id="rId29"/>
    <p:sldId id="281" r:id="rId30"/>
    <p:sldId id="284" r:id="rId31"/>
    <p:sldId id="285" r:id="rId32"/>
    <p:sldId id="297" r:id="rId33"/>
    <p:sldId id="295" r:id="rId34"/>
    <p:sldId id="290" r:id="rId35"/>
    <p:sldId id="287" r:id="rId36"/>
    <p:sldId id="273" r:id="rId37"/>
    <p:sldId id="294" r:id="rId38"/>
    <p:sldId id="296" r:id="rId39"/>
    <p:sldId id="272" r:id="rId40"/>
    <p:sldId id="291" r:id="rId41"/>
    <p:sldId id="292" r:id="rId42"/>
    <p:sldId id="293" r:id="rId43"/>
    <p:sldId id="289" r:id="rId44"/>
    <p:sldId id="277" r:id="rId4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E9B"/>
    <a:srgbClr val="680000"/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3C2FFA5D-87B4-456A-9821-1D502468CF0F}" styleName="Themed Style 1 -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284E427A-3D55-4303-BF80-6455036E1DE7}" styleName="Themed Style 1 - Accent 2">
    <a:tblBg>
      <a:fillRef idx="2">
        <a:schemeClr val="accent2"/>
      </a:fillRef>
      <a:effectRef idx="1">
        <a:schemeClr val="accent2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Ref idx="1">
              <a:schemeClr val="accent2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  <a:fill>
          <a:solidFill>
            <a:schemeClr val="accent2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2"/>
            </a:lnRef>
          </a:left>
          <a:right>
            <a:lnRef idx="2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2">
              <a:schemeClr val="accent2"/>
            </a:lnRef>
          </a:top>
          <a:bottom>
            <a:lnRef idx="2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2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359" autoAdjust="0"/>
    <p:restoredTop sz="94673" autoAdjust="0"/>
  </p:normalViewPr>
  <p:slideViewPr>
    <p:cSldViewPr snapToGrid="0" snapToObjects="1" showGuides="1">
      <p:cViewPr varScale="1">
        <p:scale>
          <a:sx n="60" d="100"/>
          <a:sy n="60" d="100"/>
        </p:scale>
        <p:origin x="672" y="44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39" Type="http://schemas.openxmlformats.org/officeDocument/2006/relationships/slide" Target="slides/slide22.xml"/><Relationship Id="rId21" Type="http://schemas.openxmlformats.org/officeDocument/2006/relationships/slide" Target="slides/slide4.xml"/><Relationship Id="rId34" Type="http://schemas.openxmlformats.org/officeDocument/2006/relationships/slide" Target="slides/slide17.xml"/><Relationship Id="rId42" Type="http://schemas.openxmlformats.org/officeDocument/2006/relationships/slide" Target="slides/slide25.xml"/><Relationship Id="rId47" Type="http://schemas.openxmlformats.org/officeDocument/2006/relationships/handoutMaster" Target="handoutMasters/handoutMaster1.xml"/><Relationship Id="rId50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9" Type="http://schemas.openxmlformats.org/officeDocument/2006/relationships/slide" Target="slides/slide12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slide" Target="slides/slide15.xml"/><Relationship Id="rId37" Type="http://schemas.openxmlformats.org/officeDocument/2006/relationships/slide" Target="slides/slide20.xml"/><Relationship Id="rId40" Type="http://schemas.openxmlformats.org/officeDocument/2006/relationships/slide" Target="slides/slide23.xml"/><Relationship Id="rId45" Type="http://schemas.openxmlformats.org/officeDocument/2006/relationships/slide" Target="slides/slide28.xml"/><Relationship Id="rId53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slide" Target="slides/slide14.xml"/><Relationship Id="rId44" Type="http://schemas.openxmlformats.org/officeDocument/2006/relationships/slide" Target="slides/slide27.xml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slide" Target="slides/slide13.xml"/><Relationship Id="rId35" Type="http://schemas.openxmlformats.org/officeDocument/2006/relationships/slide" Target="slides/slide18.xml"/><Relationship Id="rId43" Type="http://schemas.openxmlformats.org/officeDocument/2006/relationships/slide" Target="slides/slide26.xml"/><Relationship Id="rId48" Type="http://schemas.openxmlformats.org/officeDocument/2006/relationships/commentAuthors" Target="commentAuthors.xml"/><Relationship Id="rId8" Type="http://schemas.openxmlformats.org/officeDocument/2006/relationships/customXml" Target="../customXml/item8.xml"/><Relationship Id="rId51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2.xml"/><Relationship Id="rId25" Type="http://schemas.openxmlformats.org/officeDocument/2006/relationships/slide" Target="slides/slide8.xml"/><Relationship Id="rId33" Type="http://schemas.openxmlformats.org/officeDocument/2006/relationships/slide" Target="slides/slide16.xml"/><Relationship Id="rId38" Type="http://schemas.openxmlformats.org/officeDocument/2006/relationships/slide" Target="slides/slide21.xml"/><Relationship Id="rId46" Type="http://schemas.openxmlformats.org/officeDocument/2006/relationships/notesMaster" Target="notesMasters/notesMaster1.xml"/><Relationship Id="rId20" Type="http://schemas.openxmlformats.org/officeDocument/2006/relationships/slide" Target="slides/slide3.xml"/><Relationship Id="rId41" Type="http://schemas.openxmlformats.org/officeDocument/2006/relationships/slide" Target="slides/slide2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slide" Target="slides/slide11.xml"/><Relationship Id="rId36" Type="http://schemas.openxmlformats.org/officeDocument/2006/relationships/slide" Target="slides/slide19.xml"/><Relationship Id="rId49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hanu Chander V" userId="146ea9cd-88e8-4270-bc2b-da76f2ce2add" providerId="ADAL" clId="{C0FED1E5-472B-4A68-928D-86CF9751AC69}"/>
    <pc:docChg chg="undo redo custSel addSld delSld modSld sldOrd modMainMaster">
      <pc:chgData name="Bhanu Chander V" userId="146ea9cd-88e8-4270-bc2b-da76f2ce2add" providerId="ADAL" clId="{C0FED1E5-472B-4A68-928D-86CF9751AC69}" dt="2023-05-09T10:00:46.601" v="14308" actId="20577"/>
      <pc:docMkLst>
        <pc:docMk/>
      </pc:docMkLst>
      <pc:sldChg chg="add del">
        <pc:chgData name="Bhanu Chander V" userId="146ea9cd-88e8-4270-bc2b-da76f2ce2add" providerId="ADAL" clId="{C0FED1E5-472B-4A68-928D-86CF9751AC69}" dt="2023-02-19T05:51:29.071" v="190" actId="47"/>
        <pc:sldMkLst>
          <pc:docMk/>
          <pc:sldMk cId="1938789164" sldId="265"/>
        </pc:sldMkLst>
      </pc:sldChg>
      <pc:sldChg chg="modSp mod">
        <pc:chgData name="Bhanu Chander V" userId="146ea9cd-88e8-4270-bc2b-da76f2ce2add" providerId="ADAL" clId="{C0FED1E5-472B-4A68-928D-86CF9751AC69}" dt="2023-02-20T04:50:34.250" v="1391" actId="1076"/>
        <pc:sldMkLst>
          <pc:docMk/>
          <pc:sldMk cId="2265989025" sldId="266"/>
        </pc:sldMkLst>
        <pc:spChg chg="mod">
          <ac:chgData name="Bhanu Chander V" userId="146ea9cd-88e8-4270-bc2b-da76f2ce2add" providerId="ADAL" clId="{C0FED1E5-472B-4A68-928D-86CF9751AC69}" dt="2023-02-20T04:50:26.999" v="1390" actId="1076"/>
          <ac:spMkLst>
            <pc:docMk/>
            <pc:sldMk cId="2265989025" sldId="266"/>
            <ac:spMk id="2" creationId="{A0267B48-25A6-A07F-1069-033642BAF15D}"/>
          </ac:spMkLst>
        </pc:spChg>
        <pc:spChg chg="mod">
          <ac:chgData name="Bhanu Chander V" userId="146ea9cd-88e8-4270-bc2b-da76f2ce2add" providerId="ADAL" clId="{C0FED1E5-472B-4A68-928D-86CF9751AC69}" dt="2023-02-20T04:50:34.250" v="1391" actId="1076"/>
          <ac:spMkLst>
            <pc:docMk/>
            <pc:sldMk cId="2265989025" sldId="266"/>
            <ac:spMk id="3" creationId="{50A9AE0D-060A-0561-9169-F61E433FA389}"/>
          </ac:spMkLst>
        </pc:spChg>
      </pc:sldChg>
      <pc:sldChg chg="addSp modSp mod modAnim">
        <pc:chgData name="Bhanu Chander V" userId="146ea9cd-88e8-4270-bc2b-da76f2ce2add" providerId="ADAL" clId="{C0FED1E5-472B-4A68-928D-86CF9751AC69}" dt="2023-02-24T11:11:20.129" v="11533" actId="1037"/>
        <pc:sldMkLst>
          <pc:docMk/>
          <pc:sldMk cId="1535026644" sldId="269"/>
        </pc:sldMkLst>
        <pc:spChg chg="mod">
          <ac:chgData name="Bhanu Chander V" userId="146ea9cd-88e8-4270-bc2b-da76f2ce2add" providerId="ADAL" clId="{C0FED1E5-472B-4A68-928D-86CF9751AC69}" dt="2023-02-19T05:51:52.660" v="200" actId="1035"/>
          <ac:spMkLst>
            <pc:docMk/>
            <pc:sldMk cId="1535026644" sldId="269"/>
            <ac:spMk id="2" creationId="{8425D0C2-2CA1-EDFF-EFA9-CA4FC2CC9D8A}"/>
          </ac:spMkLst>
        </pc:spChg>
        <pc:spChg chg="add mod">
          <ac:chgData name="Bhanu Chander V" userId="146ea9cd-88e8-4270-bc2b-da76f2ce2add" providerId="ADAL" clId="{C0FED1E5-472B-4A68-928D-86CF9751AC69}" dt="2023-02-24T11:11:10.037" v="11521" actId="1037"/>
          <ac:spMkLst>
            <pc:docMk/>
            <pc:sldMk cId="1535026644" sldId="269"/>
            <ac:spMk id="9" creationId="{96A2E078-A914-3D45-4CCE-5838F691B242}"/>
          </ac:spMkLst>
        </pc:spChg>
        <pc:spChg chg="add mod ord">
          <ac:chgData name="Bhanu Chander V" userId="146ea9cd-88e8-4270-bc2b-da76f2ce2add" providerId="ADAL" clId="{C0FED1E5-472B-4A68-928D-86CF9751AC69}" dt="2023-02-24T11:11:10.037" v="11521" actId="1037"/>
          <ac:spMkLst>
            <pc:docMk/>
            <pc:sldMk cId="1535026644" sldId="269"/>
            <ac:spMk id="10" creationId="{A2E4D399-4B67-57EC-B2E3-1EA4A33CD4BC}"/>
          </ac:spMkLst>
        </pc:spChg>
        <pc:spChg chg="add mod">
          <ac:chgData name="Bhanu Chander V" userId="146ea9cd-88e8-4270-bc2b-da76f2ce2add" providerId="ADAL" clId="{C0FED1E5-472B-4A68-928D-86CF9751AC69}" dt="2023-02-24T11:11:10.037" v="11521" actId="1037"/>
          <ac:spMkLst>
            <pc:docMk/>
            <pc:sldMk cId="1535026644" sldId="269"/>
            <ac:spMk id="11" creationId="{2F156B7F-A2F7-57E3-B698-F62E44C8EE87}"/>
          </ac:spMkLst>
        </pc:spChg>
        <pc:spChg chg="add mod">
          <ac:chgData name="Bhanu Chander V" userId="146ea9cd-88e8-4270-bc2b-da76f2ce2add" providerId="ADAL" clId="{C0FED1E5-472B-4A68-928D-86CF9751AC69}" dt="2023-02-24T11:11:10.037" v="11521" actId="1037"/>
          <ac:spMkLst>
            <pc:docMk/>
            <pc:sldMk cId="1535026644" sldId="269"/>
            <ac:spMk id="12" creationId="{FFC1AF51-089B-0A4F-B724-D52D28EA8ADE}"/>
          </ac:spMkLst>
        </pc:spChg>
        <pc:spChg chg="add mod">
          <ac:chgData name="Bhanu Chander V" userId="146ea9cd-88e8-4270-bc2b-da76f2ce2add" providerId="ADAL" clId="{C0FED1E5-472B-4A68-928D-86CF9751AC69}" dt="2023-02-24T11:11:10.037" v="11521" actId="1037"/>
          <ac:spMkLst>
            <pc:docMk/>
            <pc:sldMk cId="1535026644" sldId="269"/>
            <ac:spMk id="13" creationId="{AC1BDFEE-44A9-B398-2F38-E1226BE7F8CE}"/>
          </ac:spMkLst>
        </pc:spChg>
        <pc:spChg chg="add mod">
          <ac:chgData name="Bhanu Chander V" userId="146ea9cd-88e8-4270-bc2b-da76f2ce2add" providerId="ADAL" clId="{C0FED1E5-472B-4A68-928D-86CF9751AC69}" dt="2023-02-24T11:11:10.037" v="11521" actId="1037"/>
          <ac:spMkLst>
            <pc:docMk/>
            <pc:sldMk cId="1535026644" sldId="269"/>
            <ac:spMk id="14" creationId="{5FBE7D43-BE0A-2DEF-D255-2A6E1700CDCA}"/>
          </ac:spMkLst>
        </pc:spChg>
        <pc:spChg chg="add mod">
          <ac:chgData name="Bhanu Chander V" userId="146ea9cd-88e8-4270-bc2b-da76f2ce2add" providerId="ADAL" clId="{C0FED1E5-472B-4A68-928D-86CF9751AC69}" dt="2023-02-24T11:11:20.129" v="11533" actId="1037"/>
          <ac:spMkLst>
            <pc:docMk/>
            <pc:sldMk cId="1535026644" sldId="269"/>
            <ac:spMk id="15" creationId="{3A9BE544-62A8-51DC-9B90-413F73089003}"/>
          </ac:spMkLst>
        </pc:spChg>
        <pc:spChg chg="add mod">
          <ac:chgData name="Bhanu Chander V" userId="146ea9cd-88e8-4270-bc2b-da76f2ce2add" providerId="ADAL" clId="{C0FED1E5-472B-4A68-928D-86CF9751AC69}" dt="2023-02-24T11:11:20.129" v="11533" actId="1037"/>
          <ac:spMkLst>
            <pc:docMk/>
            <pc:sldMk cId="1535026644" sldId="269"/>
            <ac:spMk id="16" creationId="{95F83532-4E60-387E-8C91-032FC92A48B8}"/>
          </ac:spMkLst>
        </pc:spChg>
        <pc:spChg chg="add mod">
          <ac:chgData name="Bhanu Chander V" userId="146ea9cd-88e8-4270-bc2b-da76f2ce2add" providerId="ADAL" clId="{C0FED1E5-472B-4A68-928D-86CF9751AC69}" dt="2023-02-24T11:11:20.129" v="11533" actId="1037"/>
          <ac:spMkLst>
            <pc:docMk/>
            <pc:sldMk cId="1535026644" sldId="269"/>
            <ac:spMk id="17" creationId="{F06895D6-2FD7-948E-1E52-9A6D435EDC39}"/>
          </ac:spMkLst>
        </pc:spChg>
        <pc:spChg chg="add mod">
          <ac:chgData name="Bhanu Chander V" userId="146ea9cd-88e8-4270-bc2b-da76f2ce2add" providerId="ADAL" clId="{C0FED1E5-472B-4A68-928D-86CF9751AC69}" dt="2023-02-24T11:11:20.129" v="11533" actId="1037"/>
          <ac:spMkLst>
            <pc:docMk/>
            <pc:sldMk cId="1535026644" sldId="269"/>
            <ac:spMk id="18" creationId="{4B0BB7AD-4394-5212-6CA8-3147F6C5D56A}"/>
          </ac:spMkLst>
        </pc:spChg>
        <pc:spChg chg="add mod">
          <ac:chgData name="Bhanu Chander V" userId="146ea9cd-88e8-4270-bc2b-da76f2ce2add" providerId="ADAL" clId="{C0FED1E5-472B-4A68-928D-86CF9751AC69}" dt="2023-02-24T11:11:20.129" v="11533" actId="1037"/>
          <ac:spMkLst>
            <pc:docMk/>
            <pc:sldMk cId="1535026644" sldId="269"/>
            <ac:spMk id="19" creationId="{64317ABC-08B5-7752-9851-98256BABD6C9}"/>
          </ac:spMkLst>
        </pc:spChg>
        <pc:spChg chg="add mod">
          <ac:chgData name="Bhanu Chander V" userId="146ea9cd-88e8-4270-bc2b-da76f2ce2add" providerId="ADAL" clId="{C0FED1E5-472B-4A68-928D-86CF9751AC69}" dt="2023-02-24T11:11:20.129" v="11533" actId="1037"/>
          <ac:spMkLst>
            <pc:docMk/>
            <pc:sldMk cId="1535026644" sldId="269"/>
            <ac:spMk id="20" creationId="{12F68AB8-BE71-B598-3A23-282C4140CFB6}"/>
          </ac:spMkLst>
        </pc:spChg>
        <pc:spChg chg="add mod ord">
          <ac:chgData name="Bhanu Chander V" userId="146ea9cd-88e8-4270-bc2b-da76f2ce2add" providerId="ADAL" clId="{C0FED1E5-472B-4A68-928D-86CF9751AC69}" dt="2023-02-24T11:11:20.129" v="11533" actId="1037"/>
          <ac:spMkLst>
            <pc:docMk/>
            <pc:sldMk cId="1535026644" sldId="269"/>
            <ac:spMk id="21" creationId="{08CBE720-417C-D40F-73B6-3654C113E624}"/>
          </ac:spMkLst>
        </pc:spChg>
        <pc:spChg chg="add mod">
          <ac:chgData name="Bhanu Chander V" userId="146ea9cd-88e8-4270-bc2b-da76f2ce2add" providerId="ADAL" clId="{C0FED1E5-472B-4A68-928D-86CF9751AC69}" dt="2023-02-24T11:11:20.129" v="11533" actId="1037"/>
          <ac:spMkLst>
            <pc:docMk/>
            <pc:sldMk cId="1535026644" sldId="269"/>
            <ac:spMk id="22" creationId="{EEC501DA-29D3-F4EC-5DD0-DDBA65ECD4B9}"/>
          </ac:spMkLst>
        </pc:spChg>
      </pc:sldChg>
      <pc:sldChg chg="addSp modSp mod modAnim">
        <pc:chgData name="Bhanu Chander V" userId="146ea9cd-88e8-4270-bc2b-da76f2ce2add" providerId="ADAL" clId="{C0FED1E5-472B-4A68-928D-86CF9751AC69}" dt="2023-02-27T04:59:30.007" v="11835" actId="1076"/>
        <pc:sldMkLst>
          <pc:docMk/>
          <pc:sldMk cId="1093089015" sldId="270"/>
        </pc:sldMkLst>
        <pc:spChg chg="mod">
          <ac:chgData name="Bhanu Chander V" userId="146ea9cd-88e8-4270-bc2b-da76f2ce2add" providerId="ADAL" clId="{C0FED1E5-472B-4A68-928D-86CF9751AC69}" dt="2023-02-19T05:51:59" v="207" actId="1035"/>
          <ac:spMkLst>
            <pc:docMk/>
            <pc:sldMk cId="1093089015" sldId="270"/>
            <ac:spMk id="2" creationId="{8425D0C2-2CA1-EDFF-EFA9-CA4FC2CC9D8A}"/>
          </ac:spMkLst>
        </pc:spChg>
        <pc:spChg chg="mod">
          <ac:chgData name="Bhanu Chander V" userId="146ea9cd-88e8-4270-bc2b-da76f2ce2add" providerId="ADAL" clId="{C0FED1E5-472B-4A68-928D-86CF9751AC69}" dt="2023-02-20T05:03:36.895" v="1524" actId="1038"/>
          <ac:spMkLst>
            <pc:docMk/>
            <pc:sldMk cId="1093089015" sldId="270"/>
            <ac:spMk id="4" creationId="{C599B17B-14A8-EE84-061D-B102D25D6690}"/>
          </ac:spMkLst>
        </pc:spChg>
        <pc:spChg chg="mod">
          <ac:chgData name="Bhanu Chander V" userId="146ea9cd-88e8-4270-bc2b-da76f2ce2add" providerId="ADAL" clId="{C0FED1E5-472B-4A68-928D-86CF9751AC69}" dt="2023-02-20T05:03:36.895" v="1524" actId="1038"/>
          <ac:spMkLst>
            <pc:docMk/>
            <pc:sldMk cId="1093089015" sldId="270"/>
            <ac:spMk id="5" creationId="{27B47CB7-9A46-C273-1230-ECAF8CFAAC1F}"/>
          </ac:spMkLst>
        </pc:spChg>
        <pc:spChg chg="mod">
          <ac:chgData name="Bhanu Chander V" userId="146ea9cd-88e8-4270-bc2b-da76f2ce2add" providerId="ADAL" clId="{C0FED1E5-472B-4A68-928D-86CF9751AC69}" dt="2023-02-20T05:03:36.895" v="1524" actId="1038"/>
          <ac:spMkLst>
            <pc:docMk/>
            <pc:sldMk cId="1093089015" sldId="270"/>
            <ac:spMk id="6" creationId="{6F41D5A1-4750-0215-4235-E3C2CCF1E01F}"/>
          </ac:spMkLst>
        </pc:spChg>
        <pc:spChg chg="mod">
          <ac:chgData name="Bhanu Chander V" userId="146ea9cd-88e8-4270-bc2b-da76f2ce2add" providerId="ADAL" clId="{C0FED1E5-472B-4A68-928D-86CF9751AC69}" dt="2023-02-20T05:03:36.895" v="1524" actId="1038"/>
          <ac:spMkLst>
            <pc:docMk/>
            <pc:sldMk cId="1093089015" sldId="270"/>
            <ac:spMk id="7" creationId="{B21038AD-27B0-E4FE-710A-1009F52C60D1}"/>
          </ac:spMkLst>
        </pc:spChg>
        <pc:spChg chg="mod">
          <ac:chgData name="Bhanu Chander V" userId="146ea9cd-88e8-4270-bc2b-da76f2ce2add" providerId="ADAL" clId="{C0FED1E5-472B-4A68-928D-86CF9751AC69}" dt="2023-02-20T05:03:36.895" v="1524" actId="1038"/>
          <ac:spMkLst>
            <pc:docMk/>
            <pc:sldMk cId="1093089015" sldId="270"/>
            <ac:spMk id="8" creationId="{AB263624-FD3C-EE0E-31E2-1A5D45AB2FAA}"/>
          </ac:spMkLst>
        </pc:spChg>
        <pc:spChg chg="add mod">
          <ac:chgData name="Bhanu Chander V" userId="146ea9cd-88e8-4270-bc2b-da76f2ce2add" providerId="ADAL" clId="{C0FED1E5-472B-4A68-928D-86CF9751AC69}" dt="2023-02-27T04:59:30.007" v="11835" actId="1076"/>
          <ac:spMkLst>
            <pc:docMk/>
            <pc:sldMk cId="1093089015" sldId="270"/>
            <ac:spMk id="9" creationId="{460DFBAE-657D-846B-DFC3-7C30B2A008ED}"/>
          </ac:spMkLst>
        </pc:spChg>
        <pc:spChg chg="add mod">
          <ac:chgData name="Bhanu Chander V" userId="146ea9cd-88e8-4270-bc2b-da76f2ce2add" providerId="ADAL" clId="{C0FED1E5-472B-4A68-928D-86CF9751AC69}" dt="2023-02-20T05:03:36.895" v="1524" actId="1038"/>
          <ac:spMkLst>
            <pc:docMk/>
            <pc:sldMk cId="1093089015" sldId="270"/>
            <ac:spMk id="10" creationId="{5A8BA737-48AB-F525-6522-F842BE39ABB7}"/>
          </ac:spMkLst>
        </pc:spChg>
        <pc:spChg chg="add mod">
          <ac:chgData name="Bhanu Chander V" userId="146ea9cd-88e8-4270-bc2b-da76f2ce2add" providerId="ADAL" clId="{C0FED1E5-472B-4A68-928D-86CF9751AC69}" dt="2023-02-21T08:52:58.919" v="8220" actId="20577"/>
          <ac:spMkLst>
            <pc:docMk/>
            <pc:sldMk cId="1093089015" sldId="270"/>
            <ac:spMk id="11" creationId="{5DEB1289-8012-C88E-2290-B68362CDD4CC}"/>
          </ac:spMkLst>
        </pc:spChg>
        <pc:spChg chg="add mod">
          <ac:chgData name="Bhanu Chander V" userId="146ea9cd-88e8-4270-bc2b-da76f2ce2add" providerId="ADAL" clId="{C0FED1E5-472B-4A68-928D-86CF9751AC69}" dt="2023-02-20T05:03:36.895" v="1524" actId="1038"/>
          <ac:spMkLst>
            <pc:docMk/>
            <pc:sldMk cId="1093089015" sldId="270"/>
            <ac:spMk id="12" creationId="{41DBD8B8-C037-57A9-2C5C-3B9290B835EA}"/>
          </ac:spMkLst>
        </pc:spChg>
        <pc:spChg chg="add mod">
          <ac:chgData name="Bhanu Chander V" userId="146ea9cd-88e8-4270-bc2b-da76f2ce2add" providerId="ADAL" clId="{C0FED1E5-472B-4A68-928D-86CF9751AC69}" dt="2023-02-20T05:03:36.895" v="1524" actId="1038"/>
          <ac:spMkLst>
            <pc:docMk/>
            <pc:sldMk cId="1093089015" sldId="270"/>
            <ac:spMk id="13" creationId="{F0A5C7B6-0681-20D3-EFDE-7B96CF1471BB}"/>
          </ac:spMkLst>
        </pc:spChg>
        <pc:graphicFrameChg chg="mod">
          <ac:chgData name="Bhanu Chander V" userId="146ea9cd-88e8-4270-bc2b-da76f2ce2add" providerId="ADAL" clId="{C0FED1E5-472B-4A68-928D-86CF9751AC69}" dt="2023-02-20T05:03:36.895" v="1524" actId="1038"/>
          <ac:graphicFrameMkLst>
            <pc:docMk/>
            <pc:sldMk cId="1093089015" sldId="270"/>
            <ac:graphicFrameMk id="3" creationId="{535DDA97-5C45-05FD-4B59-9A61B571AE56}"/>
          </ac:graphicFrameMkLst>
        </pc:graphicFrameChg>
      </pc:sldChg>
      <pc:sldChg chg="addSp delSp modSp new mod delAnim modAnim">
        <pc:chgData name="Bhanu Chander V" userId="146ea9cd-88e8-4270-bc2b-da76f2ce2add" providerId="ADAL" clId="{C0FED1E5-472B-4A68-928D-86CF9751AC69}" dt="2023-02-20T08:52:24.271" v="4710"/>
        <pc:sldMkLst>
          <pc:docMk/>
          <pc:sldMk cId="327251915" sldId="271"/>
        </pc:sldMkLst>
        <pc:spChg chg="add mod">
          <ac:chgData name="Bhanu Chander V" userId="146ea9cd-88e8-4270-bc2b-da76f2ce2add" providerId="ADAL" clId="{C0FED1E5-472B-4A68-928D-86CF9751AC69}" dt="2023-02-20T08:03:55.243" v="3821" actId="255"/>
          <ac:spMkLst>
            <pc:docMk/>
            <pc:sldMk cId="327251915" sldId="271"/>
            <ac:spMk id="3" creationId="{A12CE893-27B0-0423-397A-46D5F57B7ADD}"/>
          </ac:spMkLst>
        </pc:spChg>
        <pc:spChg chg="add mod">
          <ac:chgData name="Bhanu Chander V" userId="146ea9cd-88e8-4270-bc2b-da76f2ce2add" providerId="ADAL" clId="{C0FED1E5-472B-4A68-928D-86CF9751AC69}" dt="2023-02-20T07:32:52.391" v="3378" actId="14100"/>
          <ac:spMkLst>
            <pc:docMk/>
            <pc:sldMk cId="327251915" sldId="271"/>
            <ac:spMk id="4" creationId="{CB1A315C-8E6F-09C4-F982-C857B839D00C}"/>
          </ac:spMkLst>
        </pc:spChg>
        <pc:spChg chg="add del mod">
          <ac:chgData name="Bhanu Chander V" userId="146ea9cd-88e8-4270-bc2b-da76f2ce2add" providerId="ADAL" clId="{C0FED1E5-472B-4A68-928D-86CF9751AC69}" dt="2023-02-20T06:40:24.867" v="1631" actId="478"/>
          <ac:spMkLst>
            <pc:docMk/>
            <pc:sldMk cId="327251915" sldId="271"/>
            <ac:spMk id="5" creationId="{590B9CD6-CEC3-9CEF-BEBE-3C5A7CF2D8DE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7" creationId="{7A52EC6B-DF5E-9C1D-91B9-EED6BF6B5F0E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8" creationId="{FCD7D2BD-E8BF-EA53-E73D-47EFFCD8AC7D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9" creationId="{3AC86F51-0152-CA05-B2D5-940CA02378BF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10" creationId="{2300EF04-8CC5-CE1A-DD16-5EC2037E172C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11" creationId="{8389C525-0885-7EFF-8F76-C37B7C225B72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12" creationId="{0F318BB2-3800-B42D-B22E-6EE43B4B9DD5}"/>
          </ac:spMkLst>
        </pc:spChg>
        <pc:spChg chg="add mod">
          <ac:chgData name="Bhanu Chander V" userId="146ea9cd-88e8-4270-bc2b-da76f2ce2add" providerId="ADAL" clId="{C0FED1E5-472B-4A68-928D-86CF9751AC69}" dt="2023-02-20T07:47:57.612" v="3715" actId="14100"/>
          <ac:spMkLst>
            <pc:docMk/>
            <pc:sldMk cId="327251915" sldId="271"/>
            <ac:spMk id="13" creationId="{9EC5CB1C-5BA2-C6AF-6F04-0D7ADDD1C23B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14" creationId="{611CF6D3-A239-5F7C-8FD6-AA009543A8D9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15" creationId="{0CCE026E-CF10-AC6B-177B-574CD113B4A1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16" creationId="{A872A07D-7071-82ED-5920-BEAFA0888A97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17" creationId="{05FC502D-0D38-CEA7-513D-39E98053921B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18" creationId="{FF855490-B7E8-D51A-37A1-BEBCB8E8EE8D}"/>
          </ac:spMkLst>
        </pc:spChg>
        <pc:spChg chg="add mod">
          <ac:chgData name="Bhanu Chander V" userId="146ea9cd-88e8-4270-bc2b-da76f2ce2add" providerId="ADAL" clId="{C0FED1E5-472B-4A68-928D-86CF9751AC69}" dt="2023-02-20T07:33:28.184" v="3397" actId="1035"/>
          <ac:spMkLst>
            <pc:docMk/>
            <pc:sldMk cId="327251915" sldId="271"/>
            <ac:spMk id="19" creationId="{20B00C6E-489A-C7C7-AE9C-E4AAB3A0E24D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23" creationId="{1B20606B-C2D3-C7AB-6CBF-EC9E2661B37B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24" creationId="{BE9745B7-A37E-BD29-7192-09B0D7A83F67}"/>
          </ac:spMkLst>
        </pc:spChg>
        <pc:spChg chg="add mod">
          <ac:chgData name="Bhanu Chander V" userId="146ea9cd-88e8-4270-bc2b-da76f2ce2add" providerId="ADAL" clId="{C0FED1E5-472B-4A68-928D-86CF9751AC69}" dt="2023-02-20T07:41:28.190" v="3616" actId="1035"/>
          <ac:spMkLst>
            <pc:docMk/>
            <pc:sldMk cId="327251915" sldId="271"/>
            <ac:spMk id="26" creationId="{A6953BE9-4665-1B72-FE15-C236EFE3392B}"/>
          </ac:spMkLst>
        </pc:spChg>
        <pc:spChg chg="add mod">
          <ac:chgData name="Bhanu Chander V" userId="146ea9cd-88e8-4270-bc2b-da76f2ce2add" providerId="ADAL" clId="{C0FED1E5-472B-4A68-928D-86CF9751AC69}" dt="2023-02-20T07:41:35.081" v="3617" actId="14100"/>
          <ac:spMkLst>
            <pc:docMk/>
            <pc:sldMk cId="327251915" sldId="271"/>
            <ac:spMk id="29" creationId="{928A0DBE-498E-E76C-7C95-5DFF811BE81E}"/>
          </ac:spMkLst>
        </pc:spChg>
        <pc:spChg chg="add mod">
          <ac:chgData name="Bhanu Chander V" userId="146ea9cd-88e8-4270-bc2b-da76f2ce2add" providerId="ADAL" clId="{C0FED1E5-472B-4A68-928D-86CF9751AC69}" dt="2023-02-20T07:43:57.936" v="3706" actId="1076"/>
          <ac:spMkLst>
            <pc:docMk/>
            <pc:sldMk cId="327251915" sldId="271"/>
            <ac:spMk id="30" creationId="{1CD07385-2517-4B03-4119-B3439AC9A7F4}"/>
          </ac:spMkLst>
        </pc:spChg>
        <pc:graphicFrameChg chg="add del mod modGraphic">
          <ac:chgData name="Bhanu Chander V" userId="146ea9cd-88e8-4270-bc2b-da76f2ce2add" providerId="ADAL" clId="{C0FED1E5-472B-4A68-928D-86CF9751AC69}" dt="2023-02-20T08:02:40.556" v="3813" actId="478"/>
          <ac:graphicFrameMkLst>
            <pc:docMk/>
            <pc:sldMk cId="327251915" sldId="271"/>
            <ac:graphicFrameMk id="2" creationId="{F255CE65-F1C2-BB32-2978-E901E313D7D6}"/>
          </ac:graphicFrameMkLst>
        </pc:graphicFrameChg>
        <pc:graphicFrameChg chg="add mod modGraphic">
          <ac:chgData name="Bhanu Chander V" userId="146ea9cd-88e8-4270-bc2b-da76f2ce2add" providerId="ADAL" clId="{C0FED1E5-472B-4A68-928D-86CF9751AC69}" dt="2023-02-20T07:41:28.190" v="3616" actId="1035"/>
          <ac:graphicFrameMkLst>
            <pc:docMk/>
            <pc:sldMk cId="327251915" sldId="271"/>
            <ac:graphicFrameMk id="6" creationId="{2176F4B2-36D2-5C74-16AB-4684431D3D40}"/>
          </ac:graphicFrameMkLst>
        </pc:graphicFrameChg>
        <pc:graphicFrameChg chg="add mod">
          <ac:chgData name="Bhanu Chander V" userId="146ea9cd-88e8-4270-bc2b-da76f2ce2add" providerId="ADAL" clId="{C0FED1E5-472B-4A68-928D-86CF9751AC69}" dt="2023-02-20T08:52:24.271" v="4710"/>
          <ac:graphicFrameMkLst>
            <pc:docMk/>
            <pc:sldMk cId="327251915" sldId="271"/>
            <ac:graphicFrameMk id="34" creationId="{3692F773-5984-A2F7-7195-18D73EC67AF2}"/>
          </ac:graphicFrameMkLst>
        </pc:graphicFrameChg>
        <pc:cxnChg chg="add mod">
          <ac:chgData name="Bhanu Chander V" userId="146ea9cd-88e8-4270-bc2b-da76f2ce2add" providerId="ADAL" clId="{C0FED1E5-472B-4A68-928D-86CF9751AC69}" dt="2023-02-20T07:41:28.190" v="3616" actId="1035"/>
          <ac:cxnSpMkLst>
            <pc:docMk/>
            <pc:sldMk cId="327251915" sldId="271"/>
            <ac:cxnSpMk id="21" creationId="{985D7879-6068-328B-38F4-6D2E51E9F2CE}"/>
          </ac:cxnSpMkLst>
        </pc:cxnChg>
        <pc:cxnChg chg="add mod">
          <ac:chgData name="Bhanu Chander V" userId="146ea9cd-88e8-4270-bc2b-da76f2ce2add" providerId="ADAL" clId="{C0FED1E5-472B-4A68-928D-86CF9751AC69}" dt="2023-02-20T07:41:28.190" v="3616" actId="1035"/>
          <ac:cxnSpMkLst>
            <pc:docMk/>
            <pc:sldMk cId="327251915" sldId="271"/>
            <ac:cxnSpMk id="25" creationId="{9B805A2D-89C6-C500-809D-5A44ACEF9B45}"/>
          </ac:cxnSpMkLst>
        </pc:cxnChg>
        <pc:cxnChg chg="add mod">
          <ac:chgData name="Bhanu Chander V" userId="146ea9cd-88e8-4270-bc2b-da76f2ce2add" providerId="ADAL" clId="{C0FED1E5-472B-4A68-928D-86CF9751AC69}" dt="2023-02-20T07:52:45.215" v="3740" actId="208"/>
          <ac:cxnSpMkLst>
            <pc:docMk/>
            <pc:sldMk cId="327251915" sldId="271"/>
            <ac:cxnSpMk id="32" creationId="{031247F8-589C-D094-D40A-D65D59EB4963}"/>
          </ac:cxnSpMkLst>
        </pc:cxnChg>
      </pc:sldChg>
      <pc:sldChg chg="addSp modSp new del mod">
        <pc:chgData name="Bhanu Chander V" userId="146ea9cd-88e8-4270-bc2b-da76f2ce2add" providerId="ADAL" clId="{C0FED1E5-472B-4A68-928D-86CF9751AC69}" dt="2023-02-20T04:05:31.922" v="647" actId="47"/>
        <pc:sldMkLst>
          <pc:docMk/>
          <pc:sldMk cId="1766871570" sldId="271"/>
        </pc:sldMkLst>
        <pc:spChg chg="add mod">
          <ac:chgData name="Bhanu Chander V" userId="146ea9cd-88e8-4270-bc2b-da76f2ce2add" providerId="ADAL" clId="{C0FED1E5-472B-4A68-928D-86CF9751AC69}" dt="2023-02-19T08:43:45.516" v="621"/>
          <ac:spMkLst>
            <pc:docMk/>
            <pc:sldMk cId="1766871570" sldId="271"/>
            <ac:spMk id="2" creationId="{B36AAF97-9AB6-7296-1648-3FA3D4B28905}"/>
          </ac:spMkLst>
        </pc:spChg>
        <pc:graphicFrameChg chg="add modGraphic">
          <ac:chgData name="Bhanu Chander V" userId="146ea9cd-88e8-4270-bc2b-da76f2ce2add" providerId="ADAL" clId="{C0FED1E5-472B-4A68-928D-86CF9751AC69}" dt="2023-02-20T04:05:29.563" v="646" actId="1032"/>
          <ac:graphicFrameMkLst>
            <pc:docMk/>
            <pc:sldMk cId="1766871570" sldId="271"/>
            <ac:graphicFrameMk id="3" creationId="{907D627A-F0B5-43A4-08CA-B346BD0E1C2C}"/>
          </ac:graphicFrameMkLst>
        </pc:graphicFrameChg>
      </pc:sldChg>
      <pc:sldChg chg="addSp modSp new mod ord">
        <pc:chgData name="Bhanu Chander V" userId="146ea9cd-88e8-4270-bc2b-da76f2ce2add" providerId="ADAL" clId="{C0FED1E5-472B-4A68-928D-86CF9751AC69}" dt="2023-02-27T06:14:29.552" v="11969" actId="20577"/>
        <pc:sldMkLst>
          <pc:docMk/>
          <pc:sldMk cId="3566447169" sldId="272"/>
        </pc:sldMkLst>
        <pc:spChg chg="add mod">
          <ac:chgData name="Bhanu Chander V" userId="146ea9cd-88e8-4270-bc2b-da76f2ce2add" providerId="ADAL" clId="{C0FED1E5-472B-4A68-928D-86CF9751AC69}" dt="2023-02-27T06:14:29.552" v="11969" actId="20577"/>
          <ac:spMkLst>
            <pc:docMk/>
            <pc:sldMk cId="3566447169" sldId="272"/>
            <ac:spMk id="2" creationId="{A476A973-B212-FFCF-CED0-ED4EADE67BE0}"/>
          </ac:spMkLst>
        </pc:spChg>
      </pc:sldChg>
      <pc:sldChg chg="addSp modSp new mod modAnim">
        <pc:chgData name="Bhanu Chander V" userId="146ea9cd-88e8-4270-bc2b-da76f2ce2add" providerId="ADAL" clId="{C0FED1E5-472B-4A68-928D-86CF9751AC69}" dt="2023-02-27T06:17:53.171" v="12099" actId="20577"/>
        <pc:sldMkLst>
          <pc:docMk/>
          <pc:sldMk cId="1295568565" sldId="273"/>
        </pc:sldMkLst>
        <pc:spChg chg="add mod">
          <ac:chgData name="Bhanu Chander V" userId="146ea9cd-88e8-4270-bc2b-da76f2ce2add" providerId="ADAL" clId="{C0FED1E5-472B-4A68-928D-86CF9751AC69}" dt="2023-02-20T06:53:18.468" v="1888" actId="6549"/>
          <ac:spMkLst>
            <pc:docMk/>
            <pc:sldMk cId="1295568565" sldId="273"/>
            <ac:spMk id="2" creationId="{8870D33E-8349-B480-0FAC-2FF1499FAF15}"/>
          </ac:spMkLst>
        </pc:spChg>
        <pc:spChg chg="add mod">
          <ac:chgData name="Bhanu Chander V" userId="146ea9cd-88e8-4270-bc2b-da76f2ce2add" providerId="ADAL" clId="{C0FED1E5-472B-4A68-928D-86CF9751AC69}" dt="2023-02-27T06:16:41.447" v="12098" actId="20577"/>
          <ac:spMkLst>
            <pc:docMk/>
            <pc:sldMk cId="1295568565" sldId="273"/>
            <ac:spMk id="3" creationId="{BB5F832A-C2FC-0090-F59B-57C2213E5AFF}"/>
          </ac:spMkLst>
        </pc:spChg>
        <pc:spChg chg="add mod">
          <ac:chgData name="Bhanu Chander V" userId="146ea9cd-88e8-4270-bc2b-da76f2ce2add" providerId="ADAL" clId="{C0FED1E5-472B-4A68-928D-86CF9751AC69}" dt="2023-02-27T06:17:53.171" v="12099" actId="20577"/>
          <ac:spMkLst>
            <pc:docMk/>
            <pc:sldMk cId="1295568565" sldId="273"/>
            <ac:spMk id="4" creationId="{A8E8F83B-86DD-1739-EC8A-BEA9B0F81165}"/>
          </ac:spMkLst>
        </pc:spChg>
        <pc:spChg chg="add mod">
          <ac:chgData name="Bhanu Chander V" userId="146ea9cd-88e8-4270-bc2b-da76f2ce2add" providerId="ADAL" clId="{C0FED1E5-472B-4A68-928D-86CF9751AC69}" dt="2023-02-20T07:10:38.484" v="2704"/>
          <ac:spMkLst>
            <pc:docMk/>
            <pc:sldMk cId="1295568565" sldId="273"/>
            <ac:spMk id="5" creationId="{3BB10352-B8A5-3658-92EF-CCAED0C66340}"/>
          </ac:spMkLst>
        </pc:spChg>
        <pc:spChg chg="add mod">
          <ac:chgData name="Bhanu Chander V" userId="146ea9cd-88e8-4270-bc2b-da76f2ce2add" providerId="ADAL" clId="{C0FED1E5-472B-4A68-928D-86CF9751AC69}" dt="2023-02-20T07:12:46.474" v="2852" actId="1036"/>
          <ac:spMkLst>
            <pc:docMk/>
            <pc:sldMk cId="1295568565" sldId="273"/>
            <ac:spMk id="6" creationId="{1AD20841-BB15-45C1-7F31-3F52A0A2B44A}"/>
          </ac:spMkLst>
        </pc:spChg>
      </pc:sldChg>
      <pc:sldChg chg="addSp delSp modSp new mod addAnim delAnim modAnim">
        <pc:chgData name="Bhanu Chander V" userId="146ea9cd-88e8-4270-bc2b-da76f2ce2add" providerId="ADAL" clId="{C0FED1E5-472B-4A68-928D-86CF9751AC69}" dt="2023-02-20T08:53:50.032" v="4712" actId="22"/>
        <pc:sldMkLst>
          <pc:docMk/>
          <pc:sldMk cId="3562480300" sldId="274"/>
        </pc:sldMkLst>
        <pc:spChg chg="add mod">
          <ac:chgData name="Bhanu Chander V" userId="146ea9cd-88e8-4270-bc2b-da76f2ce2add" providerId="ADAL" clId="{C0FED1E5-472B-4A68-928D-86CF9751AC69}" dt="2023-02-20T08:03:45.643" v="3820" actId="255"/>
          <ac:spMkLst>
            <pc:docMk/>
            <pc:sldMk cId="3562480300" sldId="274"/>
            <ac:spMk id="2" creationId="{DE1DD427-CF5D-5531-F9FE-E2794845A63E}"/>
          </ac:spMkLst>
        </pc:spChg>
        <pc:spChg chg="add mod">
          <ac:chgData name="Bhanu Chander V" userId="146ea9cd-88e8-4270-bc2b-da76f2ce2add" providerId="ADAL" clId="{C0FED1E5-472B-4A68-928D-86CF9751AC69}" dt="2023-02-20T08:45:24.622" v="4644" actId="1076"/>
          <ac:spMkLst>
            <pc:docMk/>
            <pc:sldMk cId="3562480300" sldId="274"/>
            <ac:spMk id="5" creationId="{E11D2A4B-D4DD-3800-46BB-DDBC2DBAD973}"/>
          </ac:spMkLst>
        </pc:spChg>
        <pc:spChg chg="add del mod">
          <ac:chgData name="Bhanu Chander V" userId="146ea9cd-88e8-4270-bc2b-da76f2ce2add" providerId="ADAL" clId="{C0FED1E5-472B-4A68-928D-86CF9751AC69}" dt="2023-02-20T08:31:43.829" v="3889" actId="478"/>
          <ac:spMkLst>
            <pc:docMk/>
            <pc:sldMk cId="3562480300" sldId="274"/>
            <ac:spMk id="7" creationId="{1AD8F59D-D3C3-8670-E29C-467413403264}"/>
          </ac:spMkLst>
        </pc:spChg>
        <pc:spChg chg="add mod">
          <ac:chgData name="Bhanu Chander V" userId="146ea9cd-88e8-4270-bc2b-da76f2ce2add" providerId="ADAL" clId="{C0FED1E5-472B-4A68-928D-86CF9751AC69}" dt="2023-02-20T08:45:29.336" v="4645" actId="1076"/>
          <ac:spMkLst>
            <pc:docMk/>
            <pc:sldMk cId="3562480300" sldId="274"/>
            <ac:spMk id="8" creationId="{34D2722D-801C-9E72-3047-D5AAB8244D82}"/>
          </ac:spMkLst>
        </pc:spChg>
        <pc:spChg chg="add mod">
          <ac:chgData name="Bhanu Chander V" userId="146ea9cd-88e8-4270-bc2b-da76f2ce2add" providerId="ADAL" clId="{C0FED1E5-472B-4A68-928D-86CF9751AC69}" dt="2023-02-20T08:45:47.507" v="4647" actId="1035"/>
          <ac:spMkLst>
            <pc:docMk/>
            <pc:sldMk cId="3562480300" sldId="274"/>
            <ac:spMk id="9" creationId="{3A775C78-FA4D-2956-9482-A0FE2A1DEE61}"/>
          </ac:spMkLst>
        </pc:spChg>
        <pc:spChg chg="add del mod">
          <ac:chgData name="Bhanu Chander V" userId="146ea9cd-88e8-4270-bc2b-da76f2ce2add" providerId="ADAL" clId="{C0FED1E5-472B-4A68-928D-86CF9751AC69}" dt="2023-02-20T08:37:57.236" v="4393"/>
          <ac:spMkLst>
            <pc:docMk/>
            <pc:sldMk cId="3562480300" sldId="274"/>
            <ac:spMk id="10" creationId="{9C9608E7-2906-7A0F-10B0-27ECBD7CEDE4}"/>
          </ac:spMkLst>
        </pc:spChg>
        <pc:spChg chg="add del mod">
          <ac:chgData name="Bhanu Chander V" userId="146ea9cd-88e8-4270-bc2b-da76f2ce2add" providerId="ADAL" clId="{C0FED1E5-472B-4A68-928D-86CF9751AC69}" dt="2023-02-20T08:37:55.939" v="4391"/>
          <ac:spMkLst>
            <pc:docMk/>
            <pc:sldMk cId="3562480300" sldId="274"/>
            <ac:spMk id="11" creationId="{5A191088-231E-991D-D8E1-77789649375C}"/>
          </ac:spMkLst>
        </pc:spChg>
        <pc:spChg chg="add mod">
          <ac:chgData name="Bhanu Chander V" userId="146ea9cd-88e8-4270-bc2b-da76f2ce2add" providerId="ADAL" clId="{C0FED1E5-472B-4A68-928D-86CF9751AC69}" dt="2023-02-20T08:49:36.320" v="4655" actId="207"/>
          <ac:spMkLst>
            <pc:docMk/>
            <pc:sldMk cId="3562480300" sldId="274"/>
            <ac:spMk id="13" creationId="{02D677E5-773A-B47F-0B1C-522EC84ED752}"/>
          </ac:spMkLst>
        </pc:spChg>
        <pc:spChg chg="add del">
          <ac:chgData name="Bhanu Chander V" userId="146ea9cd-88e8-4270-bc2b-da76f2ce2add" providerId="ADAL" clId="{C0FED1E5-472B-4A68-928D-86CF9751AC69}" dt="2023-02-20T08:53:50.032" v="4712" actId="22"/>
          <ac:spMkLst>
            <pc:docMk/>
            <pc:sldMk cId="3562480300" sldId="274"/>
            <ac:spMk id="15" creationId="{AE0AF0BF-44A3-17EF-FDED-6DACBFD2C855}"/>
          </ac:spMkLst>
        </pc:spChg>
        <pc:graphicFrameChg chg="add mod">
          <ac:chgData name="Bhanu Chander V" userId="146ea9cd-88e8-4270-bc2b-da76f2ce2add" providerId="ADAL" clId="{C0FED1E5-472B-4A68-928D-86CF9751AC69}" dt="2023-02-20T08:02:22.374" v="3812" actId="1036"/>
          <ac:graphicFrameMkLst>
            <pc:docMk/>
            <pc:sldMk cId="3562480300" sldId="274"/>
            <ac:graphicFrameMk id="4" creationId="{B72E43D6-473B-4A7E-8E6B-0423327D2C5E}"/>
          </ac:graphicFrameMkLst>
        </pc:graphicFrameChg>
        <pc:graphicFrameChg chg="add mod">
          <ac:chgData name="Bhanu Chander V" userId="146ea9cd-88e8-4270-bc2b-da76f2ce2add" providerId="ADAL" clId="{C0FED1E5-472B-4A68-928D-86CF9751AC69}" dt="2023-02-20T08:31:16.038" v="3881" actId="1076"/>
          <ac:graphicFrameMkLst>
            <pc:docMk/>
            <pc:sldMk cId="3562480300" sldId="274"/>
            <ac:graphicFrameMk id="6" creationId="{3703655D-A72F-16C7-14DB-73043A5E7F63}"/>
          </ac:graphicFrameMkLst>
        </pc:graphicFrameChg>
        <pc:cxnChg chg="add mod">
          <ac:chgData name="Bhanu Chander V" userId="146ea9cd-88e8-4270-bc2b-da76f2ce2add" providerId="ADAL" clId="{C0FED1E5-472B-4A68-928D-86CF9751AC69}" dt="2023-02-20T07:54:05.307" v="3746"/>
          <ac:cxnSpMkLst>
            <pc:docMk/>
            <pc:sldMk cId="3562480300" sldId="274"/>
            <ac:cxnSpMk id="3" creationId="{CDBD3500-684A-EB27-00E6-20E3A1D05717}"/>
          </ac:cxnSpMkLst>
        </pc:cxnChg>
      </pc:sldChg>
      <pc:sldChg chg="addSp modSp new mod modAnim">
        <pc:chgData name="Bhanu Chander V" userId="146ea9cd-88e8-4270-bc2b-da76f2ce2add" providerId="ADAL" clId="{C0FED1E5-472B-4A68-928D-86CF9751AC69}" dt="2023-02-27T05:11:14.064" v="11842"/>
        <pc:sldMkLst>
          <pc:docMk/>
          <pc:sldMk cId="2401195571" sldId="275"/>
        </pc:sldMkLst>
        <pc:spChg chg="add mod">
          <ac:chgData name="Bhanu Chander V" userId="146ea9cd-88e8-4270-bc2b-da76f2ce2add" providerId="ADAL" clId="{C0FED1E5-472B-4A68-928D-86CF9751AC69}" dt="2023-02-20T08:04:25.127" v="3825" actId="403"/>
          <ac:spMkLst>
            <pc:docMk/>
            <pc:sldMk cId="2401195571" sldId="275"/>
            <ac:spMk id="2" creationId="{DA39C439-15AE-4380-93D9-A6C739E35528}"/>
          </ac:spMkLst>
        </pc:spChg>
        <pc:spChg chg="add mod">
          <ac:chgData name="Bhanu Chander V" userId="146ea9cd-88e8-4270-bc2b-da76f2ce2add" providerId="ADAL" clId="{C0FED1E5-472B-4A68-928D-86CF9751AC69}" dt="2023-02-20T10:44:53.493" v="5138" actId="1076"/>
          <ac:spMkLst>
            <pc:docMk/>
            <pc:sldMk cId="2401195571" sldId="275"/>
            <ac:spMk id="5" creationId="{00B53052-B705-23D1-55AC-18B0D285B20E}"/>
          </ac:spMkLst>
        </pc:spChg>
        <pc:spChg chg="add mod">
          <ac:chgData name="Bhanu Chander V" userId="146ea9cd-88e8-4270-bc2b-da76f2ce2add" providerId="ADAL" clId="{C0FED1E5-472B-4A68-928D-86CF9751AC69}" dt="2023-02-20T10:48:54.397" v="5200" actId="1037"/>
          <ac:spMkLst>
            <pc:docMk/>
            <pc:sldMk cId="2401195571" sldId="275"/>
            <ac:spMk id="6" creationId="{146C5F4F-0185-34BF-ABDA-E29BFD161328}"/>
          </ac:spMkLst>
        </pc:spChg>
        <pc:spChg chg="add mod">
          <ac:chgData name="Bhanu Chander V" userId="146ea9cd-88e8-4270-bc2b-da76f2ce2add" providerId="ADAL" clId="{C0FED1E5-472B-4A68-928D-86CF9751AC69}" dt="2023-02-20T18:14:16.274" v="5653" actId="1076"/>
          <ac:spMkLst>
            <pc:docMk/>
            <pc:sldMk cId="2401195571" sldId="275"/>
            <ac:spMk id="8" creationId="{F738C438-9EBA-60AD-D049-611F06198244}"/>
          </ac:spMkLst>
        </pc:spChg>
        <pc:spChg chg="add mod">
          <ac:chgData name="Bhanu Chander V" userId="146ea9cd-88e8-4270-bc2b-da76f2ce2add" providerId="ADAL" clId="{C0FED1E5-472B-4A68-928D-86CF9751AC69}" dt="2023-02-21T04:00:38.694" v="5979" actId="404"/>
          <ac:spMkLst>
            <pc:docMk/>
            <pc:sldMk cId="2401195571" sldId="275"/>
            <ac:spMk id="9" creationId="{7D0016DE-264C-4C96-4722-17BED3EAD46C}"/>
          </ac:spMkLst>
        </pc:spChg>
        <pc:spChg chg="add mod">
          <ac:chgData name="Bhanu Chander V" userId="146ea9cd-88e8-4270-bc2b-da76f2ce2add" providerId="ADAL" clId="{C0FED1E5-472B-4A68-928D-86CF9751AC69}" dt="2023-02-21T04:00:55.921" v="5982" actId="14100"/>
          <ac:spMkLst>
            <pc:docMk/>
            <pc:sldMk cId="2401195571" sldId="275"/>
            <ac:spMk id="12" creationId="{E90D627F-856C-5117-44E7-7DEB8B6B58B8}"/>
          </ac:spMkLst>
        </pc:spChg>
        <pc:graphicFrameChg chg="add mod">
          <ac:chgData name="Bhanu Chander V" userId="146ea9cd-88e8-4270-bc2b-da76f2ce2add" providerId="ADAL" clId="{C0FED1E5-472B-4A68-928D-86CF9751AC69}" dt="2023-02-20T08:03:02.571" v="3815"/>
          <ac:graphicFrameMkLst>
            <pc:docMk/>
            <pc:sldMk cId="2401195571" sldId="275"/>
            <ac:graphicFrameMk id="4" creationId="{187BEB43-C215-E966-CCEB-F3FDC2F80C2A}"/>
          </ac:graphicFrameMkLst>
        </pc:graphicFrameChg>
        <pc:graphicFrameChg chg="add mod modGraphic">
          <ac:chgData name="Bhanu Chander V" userId="146ea9cd-88e8-4270-bc2b-da76f2ce2add" providerId="ADAL" clId="{C0FED1E5-472B-4A68-928D-86CF9751AC69}" dt="2023-02-20T18:14:11.738" v="5652" actId="1076"/>
          <ac:graphicFrameMkLst>
            <pc:docMk/>
            <pc:sldMk cId="2401195571" sldId="275"/>
            <ac:graphicFrameMk id="7" creationId="{5E88F9D4-62A4-4B56-6AA3-D537CC12954F}"/>
          </ac:graphicFrameMkLst>
        </pc:graphicFrameChg>
        <pc:picChg chg="add mod">
          <ac:chgData name="Bhanu Chander V" userId="146ea9cd-88e8-4270-bc2b-da76f2ce2add" providerId="ADAL" clId="{C0FED1E5-472B-4A68-928D-86CF9751AC69}" dt="2023-02-20T18:13:01.918" v="5642" actId="1038"/>
          <ac:picMkLst>
            <pc:docMk/>
            <pc:sldMk cId="2401195571" sldId="275"/>
            <ac:picMk id="10" creationId="{2515551B-7454-B6DC-E357-9A4698671370}"/>
          </ac:picMkLst>
        </pc:picChg>
        <pc:picChg chg="add mod">
          <ac:chgData name="Bhanu Chander V" userId="146ea9cd-88e8-4270-bc2b-da76f2ce2add" providerId="ADAL" clId="{C0FED1E5-472B-4A68-928D-86CF9751AC69}" dt="2023-02-20T18:13:33.688" v="5646" actId="1038"/>
          <ac:picMkLst>
            <pc:docMk/>
            <pc:sldMk cId="2401195571" sldId="275"/>
            <ac:picMk id="11" creationId="{EE1F7AD9-6060-0E67-245C-86FDDA4282FD}"/>
          </ac:picMkLst>
        </pc:picChg>
        <pc:cxnChg chg="add mod">
          <ac:chgData name="Bhanu Chander V" userId="146ea9cd-88e8-4270-bc2b-da76f2ce2add" providerId="ADAL" clId="{C0FED1E5-472B-4A68-928D-86CF9751AC69}" dt="2023-02-20T07:54:09.646" v="3747"/>
          <ac:cxnSpMkLst>
            <pc:docMk/>
            <pc:sldMk cId="2401195571" sldId="275"/>
            <ac:cxnSpMk id="3" creationId="{A51752B5-B662-4EBC-A24B-A1600EC116A4}"/>
          </ac:cxnSpMkLst>
        </pc:cxnChg>
      </pc:sldChg>
      <pc:sldChg chg="new del">
        <pc:chgData name="Bhanu Chander V" userId="146ea9cd-88e8-4270-bc2b-da76f2ce2add" providerId="ADAL" clId="{C0FED1E5-472B-4A68-928D-86CF9751AC69}" dt="2023-04-13T09:28:19.607" v="14182" actId="47"/>
        <pc:sldMkLst>
          <pc:docMk/>
          <pc:sldMk cId="1542413362" sldId="276"/>
        </pc:sldMkLst>
      </pc:sldChg>
      <pc:sldChg chg="new">
        <pc:chgData name="Bhanu Chander V" userId="146ea9cd-88e8-4270-bc2b-da76f2ce2add" providerId="ADAL" clId="{C0FED1E5-472B-4A68-928D-86CF9751AC69}" dt="2023-02-20T08:48:39.169" v="4652" actId="680"/>
        <pc:sldMkLst>
          <pc:docMk/>
          <pc:sldMk cId="836969280" sldId="277"/>
        </pc:sldMkLst>
      </pc:sldChg>
      <pc:sldChg chg="addSp delSp modSp add mod delAnim modAnim">
        <pc:chgData name="Bhanu Chander V" userId="146ea9cd-88e8-4270-bc2b-da76f2ce2add" providerId="ADAL" clId="{C0FED1E5-472B-4A68-928D-86CF9751AC69}" dt="2023-02-20T13:41:16.790" v="5220" actId="20577"/>
        <pc:sldMkLst>
          <pc:docMk/>
          <pc:sldMk cId="2515282931" sldId="278"/>
        </pc:sldMkLst>
        <pc:spChg chg="mod">
          <ac:chgData name="Bhanu Chander V" userId="146ea9cd-88e8-4270-bc2b-da76f2ce2add" providerId="ADAL" clId="{C0FED1E5-472B-4A68-928D-86CF9751AC69}" dt="2023-02-20T08:54:50.571" v="4767" actId="403"/>
          <ac:spMkLst>
            <pc:docMk/>
            <pc:sldMk cId="2515282931" sldId="278"/>
            <ac:spMk id="2" creationId="{DE1DD427-CF5D-5531-F9FE-E2794845A63E}"/>
          </ac:spMkLst>
        </pc:spChg>
        <pc:spChg chg="mod">
          <ac:chgData name="Bhanu Chander V" userId="146ea9cd-88e8-4270-bc2b-da76f2ce2add" providerId="ADAL" clId="{C0FED1E5-472B-4A68-928D-86CF9751AC69}" dt="2023-02-20T10:41:46.957" v="5102" actId="1036"/>
          <ac:spMkLst>
            <pc:docMk/>
            <pc:sldMk cId="2515282931" sldId="278"/>
            <ac:spMk id="5" creationId="{E11D2A4B-D4DD-3800-46BB-DDBC2DBAD973}"/>
          </ac:spMkLst>
        </pc:spChg>
        <pc:spChg chg="mod">
          <ac:chgData name="Bhanu Chander V" userId="146ea9cd-88e8-4270-bc2b-da76f2ce2add" providerId="ADAL" clId="{C0FED1E5-472B-4A68-928D-86CF9751AC69}" dt="2023-02-20T10:40:27.979" v="5098" actId="1076"/>
          <ac:spMkLst>
            <pc:docMk/>
            <pc:sldMk cId="2515282931" sldId="278"/>
            <ac:spMk id="8" creationId="{34D2722D-801C-9E72-3047-D5AAB8244D82}"/>
          </ac:spMkLst>
        </pc:spChg>
        <pc:spChg chg="mod">
          <ac:chgData name="Bhanu Chander V" userId="146ea9cd-88e8-4270-bc2b-da76f2ce2add" providerId="ADAL" clId="{C0FED1E5-472B-4A68-928D-86CF9751AC69}" dt="2023-02-20T10:40:27.979" v="5098" actId="1076"/>
          <ac:spMkLst>
            <pc:docMk/>
            <pc:sldMk cId="2515282931" sldId="278"/>
            <ac:spMk id="9" creationId="{3A775C78-FA4D-2956-9482-A0FE2A1DEE61}"/>
          </ac:spMkLst>
        </pc:spChg>
        <pc:spChg chg="del">
          <ac:chgData name="Bhanu Chander V" userId="146ea9cd-88e8-4270-bc2b-da76f2ce2add" providerId="ADAL" clId="{C0FED1E5-472B-4A68-928D-86CF9751AC69}" dt="2023-02-20T09:03:13.234" v="4770" actId="478"/>
          <ac:spMkLst>
            <pc:docMk/>
            <pc:sldMk cId="2515282931" sldId="278"/>
            <ac:spMk id="13" creationId="{02D677E5-773A-B47F-0B1C-522EC84ED752}"/>
          </ac:spMkLst>
        </pc:spChg>
        <pc:spChg chg="add mod">
          <ac:chgData name="Bhanu Chander V" userId="146ea9cd-88e8-4270-bc2b-da76f2ce2add" providerId="ADAL" clId="{C0FED1E5-472B-4A68-928D-86CF9751AC69}" dt="2023-02-20T10:35:08.616" v="5078" actId="1037"/>
          <ac:spMkLst>
            <pc:docMk/>
            <pc:sldMk cId="2515282931" sldId="278"/>
            <ac:spMk id="22" creationId="{88AA12F7-D54B-CD00-1E82-A62D99F92A54}"/>
          </ac:spMkLst>
        </pc:spChg>
        <pc:spChg chg="add mod">
          <ac:chgData name="Bhanu Chander V" userId="146ea9cd-88e8-4270-bc2b-da76f2ce2add" providerId="ADAL" clId="{C0FED1E5-472B-4A68-928D-86CF9751AC69}" dt="2023-02-20T10:35:08.616" v="5078" actId="1037"/>
          <ac:spMkLst>
            <pc:docMk/>
            <pc:sldMk cId="2515282931" sldId="278"/>
            <ac:spMk id="23" creationId="{F7BE399A-BD2D-906F-6503-0512AC24F04A}"/>
          </ac:spMkLst>
        </pc:spChg>
        <pc:spChg chg="add mod">
          <ac:chgData name="Bhanu Chander V" userId="146ea9cd-88e8-4270-bc2b-da76f2ce2add" providerId="ADAL" clId="{C0FED1E5-472B-4A68-928D-86CF9751AC69}" dt="2023-02-20T13:41:16.790" v="5220" actId="20577"/>
          <ac:spMkLst>
            <pc:docMk/>
            <pc:sldMk cId="2515282931" sldId="278"/>
            <ac:spMk id="24" creationId="{D5C84472-E9AC-0C27-46C5-47BCC9ED9088}"/>
          </ac:spMkLst>
        </pc:spChg>
        <pc:spChg chg="add mod">
          <ac:chgData name="Bhanu Chander V" userId="146ea9cd-88e8-4270-bc2b-da76f2ce2add" providerId="ADAL" clId="{C0FED1E5-472B-4A68-928D-86CF9751AC69}" dt="2023-02-20T10:31:51.392" v="5008" actId="1076"/>
          <ac:spMkLst>
            <pc:docMk/>
            <pc:sldMk cId="2515282931" sldId="278"/>
            <ac:spMk id="25" creationId="{4473F152-397B-D751-2E5E-AB7F9D69AA52}"/>
          </ac:spMkLst>
        </pc:spChg>
        <pc:spChg chg="add mod">
          <ac:chgData name="Bhanu Chander V" userId="146ea9cd-88e8-4270-bc2b-da76f2ce2add" providerId="ADAL" clId="{C0FED1E5-472B-4A68-928D-86CF9751AC69}" dt="2023-02-20T13:41:05.180" v="5218" actId="1037"/>
          <ac:spMkLst>
            <pc:docMk/>
            <pc:sldMk cId="2515282931" sldId="278"/>
            <ac:spMk id="30" creationId="{BF3F045F-95A0-5045-B328-E35BE693B460}"/>
          </ac:spMkLst>
        </pc:spChg>
        <pc:spChg chg="add mod">
          <ac:chgData name="Bhanu Chander V" userId="146ea9cd-88e8-4270-bc2b-da76f2ce2add" providerId="ADAL" clId="{C0FED1E5-472B-4A68-928D-86CF9751AC69}" dt="2023-02-20T10:34:31.994" v="5068" actId="20577"/>
          <ac:spMkLst>
            <pc:docMk/>
            <pc:sldMk cId="2515282931" sldId="278"/>
            <ac:spMk id="31" creationId="{2B837DC0-7A92-947F-25F5-9B47734F5D73}"/>
          </ac:spMkLst>
        </pc:spChg>
        <pc:graphicFrameChg chg="del">
          <ac:chgData name="Bhanu Chander V" userId="146ea9cd-88e8-4270-bc2b-da76f2ce2add" providerId="ADAL" clId="{C0FED1E5-472B-4A68-928D-86CF9751AC69}" dt="2023-02-20T08:55:15.204" v="4768" actId="478"/>
          <ac:graphicFrameMkLst>
            <pc:docMk/>
            <pc:sldMk cId="2515282931" sldId="278"/>
            <ac:graphicFrameMk id="6" creationId="{3703655D-A72F-16C7-14DB-73043A5E7F63}"/>
          </ac:graphicFrameMkLst>
        </pc:graphicFrameChg>
        <pc:picChg chg="add del mod">
          <ac:chgData name="Bhanu Chander V" userId="146ea9cd-88e8-4270-bc2b-da76f2ce2add" providerId="ADAL" clId="{C0FED1E5-472B-4A68-928D-86CF9751AC69}" dt="2023-02-20T10:11:41.708" v="4795" actId="478"/>
          <ac:picMkLst>
            <pc:docMk/>
            <pc:sldMk cId="2515282931" sldId="278"/>
            <ac:picMk id="10" creationId="{B89DEF0D-1A83-94E0-B612-DA5BF7827578}"/>
          </ac:picMkLst>
        </pc:picChg>
        <pc:picChg chg="add del mod modCrop">
          <ac:chgData name="Bhanu Chander V" userId="146ea9cd-88e8-4270-bc2b-da76f2ce2add" providerId="ADAL" clId="{C0FED1E5-472B-4A68-928D-86CF9751AC69}" dt="2023-02-20T10:11:06.417" v="4790" actId="478"/>
          <ac:picMkLst>
            <pc:docMk/>
            <pc:sldMk cId="2515282931" sldId="278"/>
            <ac:picMk id="12" creationId="{83EA4302-5B83-2224-F6EB-9F10AD46954B}"/>
          </ac:picMkLst>
        </pc:picChg>
        <pc:picChg chg="add mod">
          <ac:chgData name="Bhanu Chander V" userId="146ea9cd-88e8-4270-bc2b-da76f2ce2add" providerId="ADAL" clId="{C0FED1E5-472B-4A68-928D-86CF9751AC69}" dt="2023-02-20T10:35:08.616" v="5078" actId="1037"/>
          <ac:picMkLst>
            <pc:docMk/>
            <pc:sldMk cId="2515282931" sldId="278"/>
            <ac:picMk id="15" creationId="{6286179A-C273-E32C-343E-079BD93D13C8}"/>
          </ac:picMkLst>
        </pc:picChg>
        <pc:picChg chg="add mod modCrop">
          <ac:chgData name="Bhanu Chander V" userId="146ea9cd-88e8-4270-bc2b-da76f2ce2add" providerId="ADAL" clId="{C0FED1E5-472B-4A68-928D-86CF9751AC69}" dt="2023-02-20T10:35:22.354" v="5083" actId="1037"/>
          <ac:picMkLst>
            <pc:docMk/>
            <pc:sldMk cId="2515282931" sldId="278"/>
            <ac:picMk id="17" creationId="{EFDE16F1-F8F0-71EC-51A0-23AA54F2ABB9}"/>
          </ac:picMkLst>
        </pc:picChg>
        <pc:picChg chg="add mod">
          <ac:chgData name="Bhanu Chander V" userId="146ea9cd-88e8-4270-bc2b-da76f2ce2add" providerId="ADAL" clId="{C0FED1E5-472B-4A68-928D-86CF9751AC69}" dt="2023-02-20T10:33:49.425" v="5033" actId="14100"/>
          <ac:picMkLst>
            <pc:docMk/>
            <pc:sldMk cId="2515282931" sldId="278"/>
            <ac:picMk id="19" creationId="{09F911A5-DD5E-0343-906B-6EE7458AD1D5}"/>
          </ac:picMkLst>
        </pc:picChg>
        <pc:picChg chg="add mod">
          <ac:chgData name="Bhanu Chander V" userId="146ea9cd-88e8-4270-bc2b-da76f2ce2add" providerId="ADAL" clId="{C0FED1E5-472B-4A68-928D-86CF9751AC69}" dt="2023-02-20T10:35:08.616" v="5078" actId="1037"/>
          <ac:picMkLst>
            <pc:docMk/>
            <pc:sldMk cId="2515282931" sldId="278"/>
            <ac:picMk id="21" creationId="{2125FE33-D42D-9551-8BDA-8272B848FA08}"/>
          </ac:picMkLst>
        </pc:picChg>
        <pc:picChg chg="add mod ord">
          <ac:chgData name="Bhanu Chander V" userId="146ea9cd-88e8-4270-bc2b-da76f2ce2add" providerId="ADAL" clId="{C0FED1E5-472B-4A68-928D-86CF9751AC69}" dt="2023-02-20T10:38:53.757" v="5091" actId="14100"/>
          <ac:picMkLst>
            <pc:docMk/>
            <pc:sldMk cId="2515282931" sldId="278"/>
            <ac:picMk id="27" creationId="{DAEB6E29-324D-4E47-2B62-0D38E6555FBC}"/>
          </ac:picMkLst>
        </pc:picChg>
        <pc:picChg chg="add mod">
          <ac:chgData name="Bhanu Chander V" userId="146ea9cd-88e8-4270-bc2b-da76f2ce2add" providerId="ADAL" clId="{C0FED1E5-472B-4A68-928D-86CF9751AC69}" dt="2023-02-20T13:40:56.235" v="5208" actId="1036"/>
          <ac:picMkLst>
            <pc:docMk/>
            <pc:sldMk cId="2515282931" sldId="278"/>
            <ac:picMk id="29" creationId="{15586324-820B-4FC5-AE63-914C85750EA3}"/>
          </ac:picMkLst>
        </pc:picChg>
      </pc:sldChg>
      <pc:sldChg chg="addSp delSp modSp add mod delAnim modAnim">
        <pc:chgData name="Bhanu Chander V" userId="146ea9cd-88e8-4270-bc2b-da76f2ce2add" providerId="ADAL" clId="{C0FED1E5-472B-4A68-928D-86CF9751AC69}" dt="2023-02-27T05:15:04.762" v="11843"/>
        <pc:sldMkLst>
          <pc:docMk/>
          <pc:sldMk cId="442630306" sldId="279"/>
        </pc:sldMkLst>
        <pc:spChg chg="mod">
          <ac:chgData name="Bhanu Chander V" userId="146ea9cd-88e8-4270-bc2b-da76f2ce2add" providerId="ADAL" clId="{C0FED1E5-472B-4A68-928D-86CF9751AC69}" dt="2023-02-20T18:17:13.412" v="5659" actId="404"/>
          <ac:spMkLst>
            <pc:docMk/>
            <pc:sldMk cId="442630306" sldId="279"/>
            <ac:spMk id="2" creationId="{DA39C439-15AE-4380-93D9-A6C739E35528}"/>
          </ac:spMkLst>
        </pc:spChg>
        <pc:spChg chg="mod">
          <ac:chgData name="Bhanu Chander V" userId="146ea9cd-88e8-4270-bc2b-da76f2ce2add" providerId="ADAL" clId="{C0FED1E5-472B-4A68-928D-86CF9751AC69}" dt="2023-02-21T04:24:42.039" v="6143" actId="207"/>
          <ac:spMkLst>
            <pc:docMk/>
            <pc:sldMk cId="442630306" sldId="279"/>
            <ac:spMk id="5" creationId="{00B53052-B705-23D1-55AC-18B0D285B20E}"/>
          </ac:spMkLst>
        </pc:spChg>
        <pc:spChg chg="del">
          <ac:chgData name="Bhanu Chander V" userId="146ea9cd-88e8-4270-bc2b-da76f2ce2add" providerId="ADAL" clId="{C0FED1E5-472B-4A68-928D-86CF9751AC69}" dt="2023-02-20T18:53:08.194" v="5690" actId="478"/>
          <ac:spMkLst>
            <pc:docMk/>
            <pc:sldMk cId="442630306" sldId="279"/>
            <ac:spMk id="6" creationId="{146C5F4F-0185-34BF-ABDA-E29BFD161328}"/>
          </ac:spMkLst>
        </pc:spChg>
        <pc:spChg chg="del mod">
          <ac:chgData name="Bhanu Chander V" userId="146ea9cd-88e8-4270-bc2b-da76f2ce2add" providerId="ADAL" clId="{C0FED1E5-472B-4A68-928D-86CF9751AC69}" dt="2023-02-21T03:46:27.597" v="5798" actId="478"/>
          <ac:spMkLst>
            <pc:docMk/>
            <pc:sldMk cId="442630306" sldId="279"/>
            <ac:spMk id="8" creationId="{F738C438-9EBA-60AD-D049-611F06198244}"/>
          </ac:spMkLst>
        </pc:spChg>
        <pc:spChg chg="mod">
          <ac:chgData name="Bhanu Chander V" userId="146ea9cd-88e8-4270-bc2b-da76f2ce2add" providerId="ADAL" clId="{C0FED1E5-472B-4A68-928D-86CF9751AC69}" dt="2023-02-21T05:38:04.020" v="6428" actId="1036"/>
          <ac:spMkLst>
            <pc:docMk/>
            <pc:sldMk cId="442630306" sldId="279"/>
            <ac:spMk id="9" creationId="{7D0016DE-264C-4C96-4722-17BED3EAD46C}"/>
          </ac:spMkLst>
        </pc:spChg>
        <pc:spChg chg="del mod">
          <ac:chgData name="Bhanu Chander V" userId="146ea9cd-88e8-4270-bc2b-da76f2ce2add" providerId="ADAL" clId="{C0FED1E5-472B-4A68-928D-86CF9751AC69}" dt="2023-02-21T04:08:10.123" v="6025" actId="478"/>
          <ac:spMkLst>
            <pc:docMk/>
            <pc:sldMk cId="442630306" sldId="279"/>
            <ac:spMk id="12" creationId="{E90D627F-856C-5117-44E7-7DEB8B6B58B8}"/>
          </ac:spMkLst>
        </pc:spChg>
        <pc:spChg chg="add mod">
          <ac:chgData name="Bhanu Chander V" userId="146ea9cd-88e8-4270-bc2b-da76f2ce2add" providerId="ADAL" clId="{C0FED1E5-472B-4A68-928D-86CF9751AC69}" dt="2023-02-21T05:37:56.147" v="6416" actId="1038"/>
          <ac:spMkLst>
            <pc:docMk/>
            <pc:sldMk cId="442630306" sldId="279"/>
            <ac:spMk id="14" creationId="{BA1675EF-8427-D1EC-352E-1C04F44D9FA0}"/>
          </ac:spMkLst>
        </pc:spChg>
        <pc:spChg chg="add mod">
          <ac:chgData name="Bhanu Chander V" userId="146ea9cd-88e8-4270-bc2b-da76f2ce2add" providerId="ADAL" clId="{C0FED1E5-472B-4A68-928D-86CF9751AC69}" dt="2023-02-21T05:37:42.809" v="6402" actId="1038"/>
          <ac:spMkLst>
            <pc:docMk/>
            <pc:sldMk cId="442630306" sldId="279"/>
            <ac:spMk id="15" creationId="{39993F22-56CD-A60B-ECD4-D187F5774713}"/>
          </ac:spMkLst>
        </pc:spChg>
        <pc:spChg chg="add mod">
          <ac:chgData name="Bhanu Chander V" userId="146ea9cd-88e8-4270-bc2b-da76f2ce2add" providerId="ADAL" clId="{C0FED1E5-472B-4A68-928D-86CF9751AC69}" dt="2023-02-21T05:34:36.056" v="6382" actId="1036"/>
          <ac:spMkLst>
            <pc:docMk/>
            <pc:sldMk cId="442630306" sldId="279"/>
            <ac:spMk id="18" creationId="{EEA9E8DE-C886-D285-6526-5DE00C5F46C6}"/>
          </ac:spMkLst>
        </pc:spChg>
        <pc:graphicFrameChg chg="add del mod modGraphic">
          <ac:chgData name="Bhanu Chander V" userId="146ea9cd-88e8-4270-bc2b-da76f2ce2add" providerId="ADAL" clId="{C0FED1E5-472B-4A68-928D-86CF9751AC69}" dt="2023-02-21T05:37:52.265" v="6410" actId="1038"/>
          <ac:graphicFrameMkLst>
            <pc:docMk/>
            <pc:sldMk cId="442630306" sldId="279"/>
            <ac:graphicFrameMk id="7" creationId="{5E88F9D4-62A4-4B56-6AA3-D537CC12954F}"/>
          </ac:graphicFrameMkLst>
        </pc:graphicFrameChg>
        <pc:graphicFrameChg chg="add mod modGraphic">
          <ac:chgData name="Bhanu Chander V" userId="146ea9cd-88e8-4270-bc2b-da76f2ce2add" providerId="ADAL" clId="{C0FED1E5-472B-4A68-928D-86CF9751AC69}" dt="2023-02-21T05:37:38.035" v="6399" actId="1038"/>
          <ac:graphicFrameMkLst>
            <pc:docMk/>
            <pc:sldMk cId="442630306" sldId="279"/>
            <ac:graphicFrameMk id="13" creationId="{6477CEDC-ECE0-4C39-3441-22B55493CE03}"/>
          </ac:graphicFrameMkLst>
        </pc:graphicFrameChg>
        <pc:picChg chg="del">
          <ac:chgData name="Bhanu Chander V" userId="146ea9cd-88e8-4270-bc2b-da76f2ce2add" providerId="ADAL" clId="{C0FED1E5-472B-4A68-928D-86CF9751AC69}" dt="2023-02-20T18:57:47.455" v="5796" actId="478"/>
          <ac:picMkLst>
            <pc:docMk/>
            <pc:sldMk cId="442630306" sldId="279"/>
            <ac:picMk id="10" creationId="{2515551B-7454-B6DC-E357-9A4698671370}"/>
          </ac:picMkLst>
        </pc:picChg>
        <pc:picChg chg="del">
          <ac:chgData name="Bhanu Chander V" userId="146ea9cd-88e8-4270-bc2b-da76f2ce2add" providerId="ADAL" clId="{C0FED1E5-472B-4A68-928D-86CF9751AC69}" dt="2023-02-20T18:57:50.441" v="5797" actId="478"/>
          <ac:picMkLst>
            <pc:docMk/>
            <pc:sldMk cId="442630306" sldId="279"/>
            <ac:picMk id="11" creationId="{EE1F7AD9-6060-0E67-245C-86FDDA4282FD}"/>
          </ac:picMkLst>
        </pc:picChg>
        <pc:picChg chg="add mod">
          <ac:chgData name="Bhanu Chander V" userId="146ea9cd-88e8-4270-bc2b-da76f2ce2add" providerId="ADAL" clId="{C0FED1E5-472B-4A68-928D-86CF9751AC69}" dt="2023-02-21T05:38:11.027" v="6435" actId="1038"/>
          <ac:picMkLst>
            <pc:docMk/>
            <pc:sldMk cId="442630306" sldId="279"/>
            <ac:picMk id="16" creationId="{511C01F3-8339-6CA4-14D2-066E12CCD989}"/>
          </ac:picMkLst>
        </pc:picChg>
        <pc:picChg chg="add mod">
          <ac:chgData name="Bhanu Chander V" userId="146ea9cd-88e8-4270-bc2b-da76f2ce2add" providerId="ADAL" clId="{C0FED1E5-472B-4A68-928D-86CF9751AC69}" dt="2023-02-21T05:36:09.309" v="6390" actId="1036"/>
          <ac:picMkLst>
            <pc:docMk/>
            <pc:sldMk cId="442630306" sldId="279"/>
            <ac:picMk id="17" creationId="{14B5765D-4CE1-C839-6D17-091CFE348FE3}"/>
          </ac:picMkLst>
        </pc:picChg>
      </pc:sldChg>
      <pc:sldChg chg="addSp delSp modSp new mod ord modAnim">
        <pc:chgData name="Bhanu Chander V" userId="146ea9cd-88e8-4270-bc2b-da76f2ce2add" providerId="ADAL" clId="{C0FED1E5-472B-4A68-928D-86CF9751AC69}" dt="2023-04-11T05:57:56.815" v="13885"/>
        <pc:sldMkLst>
          <pc:docMk/>
          <pc:sldMk cId="256595263" sldId="280"/>
        </pc:sldMkLst>
        <pc:spChg chg="add mod">
          <ac:chgData name="Bhanu Chander V" userId="146ea9cd-88e8-4270-bc2b-da76f2ce2add" providerId="ADAL" clId="{C0FED1E5-472B-4A68-928D-86CF9751AC69}" dt="2023-02-24T06:05:36.298" v="11258" actId="404"/>
          <ac:spMkLst>
            <pc:docMk/>
            <pc:sldMk cId="256595263" sldId="280"/>
            <ac:spMk id="2" creationId="{8A78B29F-6DF8-71EA-2CB9-DA1198AEE580}"/>
          </ac:spMkLst>
        </pc:spChg>
        <pc:spChg chg="add del mod">
          <ac:chgData name="Bhanu Chander V" userId="146ea9cd-88e8-4270-bc2b-da76f2ce2add" providerId="ADAL" clId="{C0FED1E5-472B-4A68-928D-86CF9751AC69}" dt="2023-02-21T05:41:46.792" v="6438" actId="478"/>
          <ac:spMkLst>
            <pc:docMk/>
            <pc:sldMk cId="256595263" sldId="280"/>
            <ac:spMk id="2" creationId="{9E807485-FDDB-83C5-A822-83B1298CCA40}"/>
          </ac:spMkLst>
        </pc:spChg>
        <pc:spChg chg="add mod">
          <ac:chgData name="Bhanu Chander V" userId="146ea9cd-88e8-4270-bc2b-da76f2ce2add" providerId="ADAL" clId="{C0FED1E5-472B-4A68-928D-86CF9751AC69}" dt="2023-04-11T04:13:57.022" v="13675" actId="1035"/>
          <ac:spMkLst>
            <pc:docMk/>
            <pc:sldMk cId="256595263" sldId="280"/>
            <ac:spMk id="5" creationId="{13E2A397-14C0-48AF-06BB-588DA8E89C71}"/>
          </ac:spMkLst>
        </pc:spChg>
        <pc:spChg chg="add mod">
          <ac:chgData name="Bhanu Chander V" userId="146ea9cd-88e8-4270-bc2b-da76f2ce2add" providerId="ADAL" clId="{C0FED1E5-472B-4A68-928D-86CF9751AC69}" dt="2023-02-24T06:04:35.647" v="11251" actId="207"/>
          <ac:spMkLst>
            <pc:docMk/>
            <pc:sldMk cId="256595263" sldId="280"/>
            <ac:spMk id="6" creationId="{FB31B0A9-80A3-4575-5485-4B414D609A04}"/>
          </ac:spMkLst>
        </pc:spChg>
        <pc:spChg chg="add mod">
          <ac:chgData name="Bhanu Chander V" userId="146ea9cd-88e8-4270-bc2b-da76f2ce2add" providerId="ADAL" clId="{C0FED1E5-472B-4A68-928D-86CF9751AC69}" dt="2023-02-21T05:42:35.164" v="6453" actId="20577"/>
          <ac:spMkLst>
            <pc:docMk/>
            <pc:sldMk cId="256595263" sldId="280"/>
            <ac:spMk id="7" creationId="{A6203CAE-5984-8AA0-F86B-E70B9A7DEC8A}"/>
          </ac:spMkLst>
        </pc:spChg>
        <pc:spChg chg="add mod">
          <ac:chgData name="Bhanu Chander V" userId="146ea9cd-88e8-4270-bc2b-da76f2ce2add" providerId="ADAL" clId="{C0FED1E5-472B-4A68-928D-86CF9751AC69}" dt="2023-02-24T06:10:12.725" v="11332" actId="1038"/>
          <ac:spMkLst>
            <pc:docMk/>
            <pc:sldMk cId="256595263" sldId="280"/>
            <ac:spMk id="10" creationId="{652F3228-EAD8-B063-A700-2FAA4E9F90B8}"/>
          </ac:spMkLst>
        </pc:spChg>
        <pc:spChg chg="add del mod">
          <ac:chgData name="Bhanu Chander V" userId="146ea9cd-88e8-4270-bc2b-da76f2ce2add" providerId="ADAL" clId="{C0FED1E5-472B-4A68-928D-86CF9751AC69}" dt="2023-02-24T05:38:22.152" v="10872" actId="478"/>
          <ac:spMkLst>
            <pc:docMk/>
            <pc:sldMk cId="256595263" sldId="280"/>
            <ac:spMk id="11" creationId="{6F949D5A-F42C-5A0D-3745-DDB24E8CA2CC}"/>
          </ac:spMkLst>
        </pc:spChg>
        <pc:spChg chg="add mod">
          <ac:chgData name="Bhanu Chander V" userId="146ea9cd-88e8-4270-bc2b-da76f2ce2add" providerId="ADAL" clId="{C0FED1E5-472B-4A68-928D-86CF9751AC69}" dt="2023-02-24T06:06:40.394" v="11300" actId="1038"/>
          <ac:spMkLst>
            <pc:docMk/>
            <pc:sldMk cId="256595263" sldId="280"/>
            <ac:spMk id="12" creationId="{8180EBAE-E038-0044-F4B3-358A33033A5E}"/>
          </ac:spMkLst>
        </pc:spChg>
        <pc:spChg chg="add mod">
          <ac:chgData name="Bhanu Chander V" userId="146ea9cd-88e8-4270-bc2b-da76f2ce2add" providerId="ADAL" clId="{C0FED1E5-472B-4A68-928D-86CF9751AC69}" dt="2023-02-27T06:07:19.583" v="11893" actId="1076"/>
          <ac:spMkLst>
            <pc:docMk/>
            <pc:sldMk cId="256595263" sldId="280"/>
            <ac:spMk id="13" creationId="{533F2DB9-2152-D32F-606A-61A5D88F780A}"/>
          </ac:spMkLst>
        </pc:spChg>
        <pc:graphicFrameChg chg="add mod">
          <ac:chgData name="Bhanu Chander V" userId="146ea9cd-88e8-4270-bc2b-da76f2ce2add" providerId="ADAL" clId="{C0FED1E5-472B-4A68-928D-86CF9751AC69}" dt="2023-02-21T05:40:42.518" v="6437"/>
          <ac:graphicFrameMkLst>
            <pc:docMk/>
            <pc:sldMk cId="256595263" sldId="280"/>
            <ac:graphicFrameMk id="4" creationId="{D780619A-B182-EE12-B6E9-28D7AD5D55E0}"/>
          </ac:graphicFrameMkLst>
        </pc:graphicFrameChg>
        <pc:graphicFrameChg chg="add mod modGraphic">
          <ac:chgData name="Bhanu Chander V" userId="146ea9cd-88e8-4270-bc2b-da76f2ce2add" providerId="ADAL" clId="{C0FED1E5-472B-4A68-928D-86CF9751AC69}" dt="2023-02-24T06:10:12.725" v="11332" actId="1038"/>
          <ac:graphicFrameMkLst>
            <pc:docMk/>
            <pc:sldMk cId="256595263" sldId="280"/>
            <ac:graphicFrameMk id="8" creationId="{41FC2379-19C7-9076-AD8D-17590DFB5999}"/>
          </ac:graphicFrameMkLst>
        </pc:graphicFrameChg>
        <pc:graphicFrameChg chg="add mod modGraphic">
          <ac:chgData name="Bhanu Chander V" userId="146ea9cd-88e8-4270-bc2b-da76f2ce2add" providerId="ADAL" clId="{C0FED1E5-472B-4A68-928D-86CF9751AC69}" dt="2023-02-24T06:04:25.212" v="11250" actId="1037"/>
          <ac:graphicFrameMkLst>
            <pc:docMk/>
            <pc:sldMk cId="256595263" sldId="280"/>
            <ac:graphicFrameMk id="9" creationId="{A35205F8-E741-2DCB-E16D-D9C840E54597}"/>
          </ac:graphicFrameMkLst>
        </pc:graphicFrameChg>
        <pc:picChg chg="add mod">
          <ac:chgData name="Bhanu Chander V" userId="146ea9cd-88e8-4270-bc2b-da76f2ce2add" providerId="ADAL" clId="{C0FED1E5-472B-4A68-928D-86CF9751AC69}" dt="2023-02-27T06:07:15.884" v="11892" actId="1076"/>
          <ac:picMkLst>
            <pc:docMk/>
            <pc:sldMk cId="256595263" sldId="280"/>
            <ac:picMk id="14" creationId="{6E9EDFC9-291A-C322-F215-C0E78A71400F}"/>
          </ac:picMkLst>
        </pc:picChg>
        <pc:cxnChg chg="add mod">
          <ac:chgData name="Bhanu Chander V" userId="146ea9cd-88e8-4270-bc2b-da76f2ce2add" providerId="ADAL" clId="{C0FED1E5-472B-4A68-928D-86CF9751AC69}" dt="2023-02-21T05:40:42.518" v="6437"/>
          <ac:cxnSpMkLst>
            <pc:docMk/>
            <pc:sldMk cId="256595263" sldId="280"/>
            <ac:cxnSpMk id="3" creationId="{8F0FD326-83BC-4F47-EADB-AC379E104681}"/>
          </ac:cxnSpMkLst>
        </pc:cxnChg>
      </pc:sldChg>
      <pc:sldChg chg="addSp delSp modSp add mod addAnim delAnim modAnim">
        <pc:chgData name="Bhanu Chander V" userId="146ea9cd-88e8-4270-bc2b-da76f2ce2add" providerId="ADAL" clId="{C0FED1E5-472B-4A68-928D-86CF9751AC69}" dt="2023-02-27T05:33:19.486" v="11846" actId="20577"/>
        <pc:sldMkLst>
          <pc:docMk/>
          <pc:sldMk cId="4160788921" sldId="281"/>
        </pc:sldMkLst>
        <pc:spChg chg="add mod">
          <ac:chgData name="Bhanu Chander V" userId="146ea9cd-88e8-4270-bc2b-da76f2ce2add" providerId="ADAL" clId="{C0FED1E5-472B-4A68-928D-86CF9751AC69}" dt="2023-02-23T12:29:29.471" v="9476" actId="1076"/>
          <ac:spMkLst>
            <pc:docMk/>
            <pc:sldMk cId="4160788921" sldId="281"/>
            <ac:spMk id="2" creationId="{6B0C7CCA-EE7B-023A-DD46-57A978E0A841}"/>
          </ac:spMkLst>
        </pc:spChg>
        <pc:spChg chg="del">
          <ac:chgData name="Bhanu Chander V" userId="146ea9cd-88e8-4270-bc2b-da76f2ce2add" providerId="ADAL" clId="{C0FED1E5-472B-4A68-928D-86CF9751AC69}" dt="2023-02-21T06:48:03.395" v="6712" actId="478"/>
          <ac:spMkLst>
            <pc:docMk/>
            <pc:sldMk cId="4160788921" sldId="281"/>
            <ac:spMk id="2" creationId="{DA39C439-15AE-4380-93D9-A6C739E35528}"/>
          </ac:spMkLst>
        </pc:spChg>
        <pc:spChg chg="mod">
          <ac:chgData name="Bhanu Chander V" userId="146ea9cd-88e8-4270-bc2b-da76f2ce2add" providerId="ADAL" clId="{C0FED1E5-472B-4A68-928D-86CF9751AC69}" dt="2023-02-21T12:07:18.170" v="8287" actId="20577"/>
          <ac:spMkLst>
            <pc:docMk/>
            <pc:sldMk cId="4160788921" sldId="281"/>
            <ac:spMk id="5" creationId="{00B53052-B705-23D1-55AC-18B0D285B20E}"/>
          </ac:spMkLst>
        </pc:spChg>
        <pc:spChg chg="add mod">
          <ac:chgData name="Bhanu Chander V" userId="146ea9cd-88e8-4270-bc2b-da76f2ce2add" providerId="ADAL" clId="{C0FED1E5-472B-4A68-928D-86CF9751AC69}" dt="2023-02-22T04:46:25.537" v="8318" actId="20577"/>
          <ac:spMkLst>
            <pc:docMk/>
            <pc:sldMk cId="4160788921" sldId="281"/>
            <ac:spMk id="6" creationId="{E3DD631E-FF87-CF84-4863-561057D0580E}"/>
          </ac:spMkLst>
        </pc:spChg>
        <pc:spChg chg="del">
          <ac:chgData name="Bhanu Chander V" userId="146ea9cd-88e8-4270-bc2b-da76f2ce2add" providerId="ADAL" clId="{C0FED1E5-472B-4A68-928D-86CF9751AC69}" dt="2023-02-21T06:52:02.857" v="6800" actId="478"/>
          <ac:spMkLst>
            <pc:docMk/>
            <pc:sldMk cId="4160788921" sldId="281"/>
            <ac:spMk id="9" creationId="{7D0016DE-264C-4C96-4722-17BED3EAD46C}"/>
          </ac:spMkLst>
        </pc:spChg>
        <pc:spChg chg="del mod">
          <ac:chgData name="Bhanu Chander V" userId="146ea9cd-88e8-4270-bc2b-da76f2ce2add" providerId="ADAL" clId="{C0FED1E5-472B-4A68-928D-86CF9751AC69}" dt="2023-02-21T08:05:21.027" v="7819" actId="21"/>
          <ac:spMkLst>
            <pc:docMk/>
            <pc:sldMk cId="4160788921" sldId="281"/>
            <ac:spMk id="14" creationId="{BA1675EF-8427-D1EC-352E-1C04F44D9FA0}"/>
          </ac:spMkLst>
        </pc:spChg>
        <pc:spChg chg="del">
          <ac:chgData name="Bhanu Chander V" userId="146ea9cd-88e8-4270-bc2b-da76f2ce2add" providerId="ADAL" clId="{C0FED1E5-472B-4A68-928D-86CF9751AC69}" dt="2023-02-21T06:52:07.815" v="6801" actId="478"/>
          <ac:spMkLst>
            <pc:docMk/>
            <pc:sldMk cId="4160788921" sldId="281"/>
            <ac:spMk id="15" creationId="{39993F22-56CD-A60B-ECD4-D187F5774713}"/>
          </ac:spMkLst>
        </pc:spChg>
        <pc:spChg chg="del">
          <ac:chgData name="Bhanu Chander V" userId="146ea9cd-88e8-4270-bc2b-da76f2ce2add" providerId="ADAL" clId="{C0FED1E5-472B-4A68-928D-86CF9751AC69}" dt="2023-02-21T06:51:58.274" v="6799" actId="478"/>
          <ac:spMkLst>
            <pc:docMk/>
            <pc:sldMk cId="4160788921" sldId="281"/>
            <ac:spMk id="18" creationId="{EEA9E8DE-C886-D285-6526-5DE00C5F46C6}"/>
          </ac:spMkLst>
        </pc:spChg>
        <pc:spChg chg="add mod">
          <ac:chgData name="Bhanu Chander V" userId="146ea9cd-88e8-4270-bc2b-da76f2ce2add" providerId="ADAL" clId="{C0FED1E5-472B-4A68-928D-86CF9751AC69}" dt="2023-02-22T07:42:26.014" v="8765" actId="1037"/>
          <ac:spMkLst>
            <pc:docMk/>
            <pc:sldMk cId="4160788921" sldId="281"/>
            <ac:spMk id="20" creationId="{A283BDF3-FA19-3D64-1D74-E711D8E27078}"/>
          </ac:spMkLst>
        </pc:spChg>
        <pc:spChg chg="add del mod">
          <ac:chgData name="Bhanu Chander V" userId="146ea9cd-88e8-4270-bc2b-da76f2ce2add" providerId="ADAL" clId="{C0FED1E5-472B-4A68-928D-86CF9751AC69}" dt="2023-02-22T07:07:02.878" v="8596" actId="478"/>
          <ac:spMkLst>
            <pc:docMk/>
            <pc:sldMk cId="4160788921" sldId="281"/>
            <ac:spMk id="21" creationId="{DB1C36DB-58B6-98AA-AA47-95CFF8BB4622}"/>
          </ac:spMkLst>
        </pc:spChg>
        <pc:spChg chg="add mod">
          <ac:chgData name="Bhanu Chander V" userId="146ea9cd-88e8-4270-bc2b-da76f2ce2add" providerId="ADAL" clId="{C0FED1E5-472B-4A68-928D-86CF9751AC69}" dt="2023-02-27T05:28:39.566" v="11844" actId="6549"/>
          <ac:spMkLst>
            <pc:docMk/>
            <pc:sldMk cId="4160788921" sldId="281"/>
            <ac:spMk id="22" creationId="{42963076-866B-18E0-77D9-AE952D6E8F44}"/>
          </ac:spMkLst>
        </pc:spChg>
        <pc:spChg chg="add mod">
          <ac:chgData name="Bhanu Chander V" userId="146ea9cd-88e8-4270-bc2b-da76f2ce2add" providerId="ADAL" clId="{C0FED1E5-472B-4A68-928D-86CF9751AC69}" dt="2023-02-22T07:32:35.139" v="8653" actId="1035"/>
          <ac:spMkLst>
            <pc:docMk/>
            <pc:sldMk cId="4160788921" sldId="281"/>
            <ac:spMk id="23" creationId="{89341BBE-D407-7561-741A-5630157E5E8A}"/>
          </ac:spMkLst>
        </pc:spChg>
        <pc:spChg chg="add del mod">
          <ac:chgData name="Bhanu Chander V" userId="146ea9cd-88e8-4270-bc2b-da76f2ce2add" providerId="ADAL" clId="{C0FED1E5-472B-4A68-928D-86CF9751AC69}" dt="2023-02-22T07:07:08.490" v="8598" actId="478"/>
          <ac:spMkLst>
            <pc:docMk/>
            <pc:sldMk cId="4160788921" sldId="281"/>
            <ac:spMk id="24" creationId="{31BED938-612A-D06B-0C51-B4EA1DA66AE0}"/>
          </ac:spMkLst>
        </pc:spChg>
        <pc:spChg chg="add mod">
          <ac:chgData name="Bhanu Chander V" userId="146ea9cd-88e8-4270-bc2b-da76f2ce2add" providerId="ADAL" clId="{C0FED1E5-472B-4A68-928D-86CF9751AC69}" dt="2023-02-22T14:55:52.530" v="8856" actId="1076"/>
          <ac:spMkLst>
            <pc:docMk/>
            <pc:sldMk cId="4160788921" sldId="281"/>
            <ac:spMk id="27" creationId="{8B283BF3-CCD2-C493-6726-68F438D11FE0}"/>
          </ac:spMkLst>
        </pc:spChg>
        <pc:spChg chg="add mod">
          <ac:chgData name="Bhanu Chander V" userId="146ea9cd-88e8-4270-bc2b-da76f2ce2add" providerId="ADAL" clId="{C0FED1E5-472B-4A68-928D-86CF9751AC69}" dt="2023-02-27T05:33:19.486" v="11846" actId="20577"/>
          <ac:spMkLst>
            <pc:docMk/>
            <pc:sldMk cId="4160788921" sldId="281"/>
            <ac:spMk id="28" creationId="{4515BBE2-E621-7F6E-5DC5-185EA7A54CCE}"/>
          </ac:spMkLst>
        </pc:spChg>
        <pc:spChg chg="add mod">
          <ac:chgData name="Bhanu Chander V" userId="146ea9cd-88e8-4270-bc2b-da76f2ce2add" providerId="ADAL" clId="{C0FED1E5-472B-4A68-928D-86CF9751AC69}" dt="2023-02-22T15:12:51.032" v="9151" actId="20577"/>
          <ac:spMkLst>
            <pc:docMk/>
            <pc:sldMk cId="4160788921" sldId="281"/>
            <ac:spMk id="45" creationId="{1D291062-47A9-36CE-A9C3-318FC83417F2}"/>
          </ac:spMkLst>
        </pc:spChg>
        <pc:spChg chg="add mod">
          <ac:chgData name="Bhanu Chander V" userId="146ea9cd-88e8-4270-bc2b-da76f2ce2add" providerId="ADAL" clId="{C0FED1E5-472B-4A68-928D-86CF9751AC69}" dt="2023-02-22T15:11:29.281" v="9137" actId="14100"/>
          <ac:spMkLst>
            <pc:docMk/>
            <pc:sldMk cId="4160788921" sldId="281"/>
            <ac:spMk id="48" creationId="{92050C6E-A434-C777-3EFD-81B284882EB3}"/>
          </ac:spMkLst>
        </pc:spChg>
        <pc:spChg chg="add mod">
          <ac:chgData name="Bhanu Chander V" userId="146ea9cd-88e8-4270-bc2b-da76f2ce2add" providerId="ADAL" clId="{C0FED1E5-472B-4A68-928D-86CF9751AC69}" dt="2023-02-22T15:07:49.929" v="9112" actId="207"/>
          <ac:spMkLst>
            <pc:docMk/>
            <pc:sldMk cId="4160788921" sldId="281"/>
            <ac:spMk id="53" creationId="{33ABECC2-7B95-246C-0F5E-3487425FDB29}"/>
          </ac:spMkLst>
        </pc:spChg>
        <pc:spChg chg="add mod">
          <ac:chgData name="Bhanu Chander V" userId="146ea9cd-88e8-4270-bc2b-da76f2ce2add" providerId="ADAL" clId="{C0FED1E5-472B-4A68-928D-86CF9751AC69}" dt="2023-02-22T15:11:38.603" v="9143" actId="1035"/>
          <ac:spMkLst>
            <pc:docMk/>
            <pc:sldMk cId="4160788921" sldId="281"/>
            <ac:spMk id="54" creationId="{4253B49E-D28E-B5A5-ECD1-840176BFAE00}"/>
          </ac:spMkLst>
        </pc:spChg>
        <pc:spChg chg="add mod">
          <ac:chgData name="Bhanu Chander V" userId="146ea9cd-88e8-4270-bc2b-da76f2ce2add" providerId="ADAL" clId="{C0FED1E5-472B-4A68-928D-86CF9751AC69}" dt="2023-02-23T12:16:37.957" v="9363" actId="1076"/>
          <ac:spMkLst>
            <pc:docMk/>
            <pc:sldMk cId="4160788921" sldId="281"/>
            <ac:spMk id="55" creationId="{6CD786CF-E66A-F99B-6915-A5D8EBF20F23}"/>
          </ac:spMkLst>
        </pc:spChg>
        <pc:spChg chg="add mod">
          <ac:chgData name="Bhanu Chander V" userId="146ea9cd-88e8-4270-bc2b-da76f2ce2add" providerId="ADAL" clId="{C0FED1E5-472B-4A68-928D-86CF9751AC69}" dt="2023-02-23T12:17:11.528" v="9366" actId="207"/>
          <ac:spMkLst>
            <pc:docMk/>
            <pc:sldMk cId="4160788921" sldId="281"/>
            <ac:spMk id="56" creationId="{A15D5A7B-1A26-30D6-F42C-C9C5F07171C4}"/>
          </ac:spMkLst>
        </pc:spChg>
        <pc:spChg chg="add mod">
          <ac:chgData name="Bhanu Chander V" userId="146ea9cd-88e8-4270-bc2b-da76f2ce2add" providerId="ADAL" clId="{C0FED1E5-472B-4A68-928D-86CF9751AC69}" dt="2023-02-23T12:16:37.957" v="9363" actId="1076"/>
          <ac:spMkLst>
            <pc:docMk/>
            <pc:sldMk cId="4160788921" sldId="281"/>
            <ac:spMk id="57" creationId="{89F8C1B3-DA08-D234-777B-5A8088F43E30}"/>
          </ac:spMkLst>
        </pc:spChg>
        <pc:spChg chg="add mod">
          <ac:chgData name="Bhanu Chander V" userId="146ea9cd-88e8-4270-bc2b-da76f2ce2add" providerId="ADAL" clId="{C0FED1E5-472B-4A68-928D-86CF9751AC69}" dt="2023-02-23T12:16:37.957" v="9363" actId="1076"/>
          <ac:spMkLst>
            <pc:docMk/>
            <pc:sldMk cId="4160788921" sldId="281"/>
            <ac:spMk id="58" creationId="{5799C0F1-B504-9D9A-1029-0CDAA76BACAE}"/>
          </ac:spMkLst>
        </pc:spChg>
        <pc:spChg chg="add mod">
          <ac:chgData name="Bhanu Chander V" userId="146ea9cd-88e8-4270-bc2b-da76f2ce2add" providerId="ADAL" clId="{C0FED1E5-472B-4A68-928D-86CF9751AC69}" dt="2023-02-23T12:16:37.957" v="9363" actId="1076"/>
          <ac:spMkLst>
            <pc:docMk/>
            <pc:sldMk cId="4160788921" sldId="281"/>
            <ac:spMk id="59" creationId="{5BFE88B4-4764-7D2D-0E54-8BCC7CE1E1ED}"/>
          </ac:spMkLst>
        </pc:spChg>
        <pc:spChg chg="add mod">
          <ac:chgData name="Bhanu Chander V" userId="146ea9cd-88e8-4270-bc2b-da76f2ce2add" providerId="ADAL" clId="{C0FED1E5-472B-4A68-928D-86CF9751AC69}" dt="2023-02-23T12:16:37.957" v="9363" actId="1076"/>
          <ac:spMkLst>
            <pc:docMk/>
            <pc:sldMk cId="4160788921" sldId="281"/>
            <ac:spMk id="60" creationId="{E1AD2835-4F1B-A940-5147-6C5EE92F3A4B}"/>
          </ac:spMkLst>
        </pc:spChg>
        <pc:graphicFrameChg chg="mod">
          <ac:chgData name="Bhanu Chander V" userId="146ea9cd-88e8-4270-bc2b-da76f2ce2add" providerId="ADAL" clId="{C0FED1E5-472B-4A68-928D-86CF9751AC69}" dt="2023-02-21T06:49:04.178" v="6779"/>
          <ac:graphicFrameMkLst>
            <pc:docMk/>
            <pc:sldMk cId="4160788921" sldId="281"/>
            <ac:graphicFrameMk id="4" creationId="{187BEB43-C215-E966-CCEB-F3FDC2F80C2A}"/>
          </ac:graphicFrameMkLst>
        </pc:graphicFrameChg>
        <pc:graphicFrameChg chg="del">
          <ac:chgData name="Bhanu Chander V" userId="146ea9cd-88e8-4270-bc2b-da76f2ce2add" providerId="ADAL" clId="{C0FED1E5-472B-4A68-928D-86CF9751AC69}" dt="2023-02-21T06:51:44.642" v="6798" actId="478"/>
          <ac:graphicFrameMkLst>
            <pc:docMk/>
            <pc:sldMk cId="4160788921" sldId="281"/>
            <ac:graphicFrameMk id="7" creationId="{5E88F9D4-62A4-4B56-6AA3-D537CC12954F}"/>
          </ac:graphicFrameMkLst>
        </pc:graphicFrameChg>
        <pc:graphicFrameChg chg="add del mod modGraphic">
          <ac:chgData name="Bhanu Chander V" userId="146ea9cd-88e8-4270-bc2b-da76f2ce2add" providerId="ADAL" clId="{C0FED1E5-472B-4A68-928D-86CF9751AC69}" dt="2023-02-21T08:04:55.945" v="7813" actId="21"/>
          <ac:graphicFrameMkLst>
            <pc:docMk/>
            <pc:sldMk cId="4160788921" sldId="281"/>
            <ac:graphicFrameMk id="8" creationId="{B356E3BC-711B-363B-7B98-8C91754BD5D8}"/>
          </ac:graphicFrameMkLst>
        </pc:graphicFrameChg>
        <pc:graphicFrameChg chg="add del mod">
          <ac:chgData name="Bhanu Chander V" userId="146ea9cd-88e8-4270-bc2b-da76f2ce2add" providerId="ADAL" clId="{C0FED1E5-472B-4A68-928D-86CF9751AC69}" dt="2023-02-22T04:45:06.760" v="8291" actId="478"/>
          <ac:graphicFrameMkLst>
            <pc:docMk/>
            <pc:sldMk cId="4160788921" sldId="281"/>
            <ac:graphicFrameMk id="10" creationId="{70E00A5B-A3ED-9085-D4BC-56890C539240}"/>
          </ac:graphicFrameMkLst>
        </pc:graphicFrameChg>
        <pc:graphicFrameChg chg="del">
          <ac:chgData name="Bhanu Chander V" userId="146ea9cd-88e8-4270-bc2b-da76f2ce2add" providerId="ADAL" clId="{C0FED1E5-472B-4A68-928D-86CF9751AC69}" dt="2023-02-21T06:51:58.274" v="6799" actId="478"/>
          <ac:graphicFrameMkLst>
            <pc:docMk/>
            <pc:sldMk cId="4160788921" sldId="281"/>
            <ac:graphicFrameMk id="13" creationId="{6477CEDC-ECE0-4C39-3441-22B55493CE03}"/>
          </ac:graphicFrameMkLst>
        </pc:graphicFrameChg>
        <pc:graphicFrameChg chg="add mod modGraphic">
          <ac:chgData name="Bhanu Chander V" userId="146ea9cd-88e8-4270-bc2b-da76f2ce2add" providerId="ADAL" clId="{C0FED1E5-472B-4A68-928D-86CF9751AC69}" dt="2023-02-22T07:42:26.014" v="8765" actId="1037"/>
          <ac:graphicFrameMkLst>
            <pc:docMk/>
            <pc:sldMk cId="4160788921" sldId="281"/>
            <ac:graphicFrameMk id="19" creationId="{0FC7A075-CB97-7911-6EC2-2588C0E86FE4}"/>
          </ac:graphicFrameMkLst>
        </pc:graphicFrameChg>
        <pc:picChg chg="add mod">
          <ac:chgData name="Bhanu Chander V" userId="146ea9cd-88e8-4270-bc2b-da76f2ce2add" providerId="ADAL" clId="{C0FED1E5-472B-4A68-928D-86CF9751AC69}" dt="2023-02-22T07:42:38.496" v="8768" actId="14100"/>
          <ac:picMkLst>
            <pc:docMk/>
            <pc:sldMk cId="4160788921" sldId="281"/>
            <ac:picMk id="12" creationId="{E4EE73D6-B0C5-2879-3FD7-01C5F44406FF}"/>
          </ac:picMkLst>
        </pc:picChg>
        <pc:picChg chg="del">
          <ac:chgData name="Bhanu Chander V" userId="146ea9cd-88e8-4270-bc2b-da76f2ce2add" providerId="ADAL" clId="{C0FED1E5-472B-4A68-928D-86CF9751AC69}" dt="2023-02-21T06:51:58.274" v="6799" actId="478"/>
          <ac:picMkLst>
            <pc:docMk/>
            <pc:sldMk cId="4160788921" sldId="281"/>
            <ac:picMk id="16" creationId="{511C01F3-8339-6CA4-14D2-066E12CCD989}"/>
          </ac:picMkLst>
        </pc:picChg>
        <pc:picChg chg="del">
          <ac:chgData name="Bhanu Chander V" userId="146ea9cd-88e8-4270-bc2b-da76f2ce2add" providerId="ADAL" clId="{C0FED1E5-472B-4A68-928D-86CF9751AC69}" dt="2023-02-21T06:51:58.274" v="6799" actId="478"/>
          <ac:picMkLst>
            <pc:docMk/>
            <pc:sldMk cId="4160788921" sldId="281"/>
            <ac:picMk id="17" creationId="{14B5765D-4CE1-C839-6D17-091CFE348FE3}"/>
          </ac:picMkLst>
        </pc:picChg>
        <pc:cxnChg chg="add mod">
          <ac:chgData name="Bhanu Chander V" userId="146ea9cd-88e8-4270-bc2b-da76f2ce2add" providerId="ADAL" clId="{C0FED1E5-472B-4A68-928D-86CF9751AC69}" dt="2023-02-22T07:42:46.551" v="8770" actId="14100"/>
          <ac:cxnSpMkLst>
            <pc:docMk/>
            <pc:sldMk cId="4160788921" sldId="281"/>
            <ac:cxnSpMk id="26" creationId="{3FC19B89-7CF9-9F03-DBE0-B0225D20865A}"/>
          </ac:cxnSpMkLst>
        </pc:cxnChg>
        <pc:cxnChg chg="add mod">
          <ac:chgData name="Bhanu Chander V" userId="146ea9cd-88e8-4270-bc2b-da76f2ce2add" providerId="ADAL" clId="{C0FED1E5-472B-4A68-928D-86CF9751AC69}" dt="2023-02-22T14:49:00.417" v="8823" actId="208"/>
          <ac:cxnSpMkLst>
            <pc:docMk/>
            <pc:sldMk cId="4160788921" sldId="281"/>
            <ac:cxnSpMk id="30" creationId="{C682FF4F-A762-3B75-77C0-3E061CFB63ED}"/>
          </ac:cxnSpMkLst>
        </pc:cxnChg>
        <pc:cxnChg chg="add mod">
          <ac:chgData name="Bhanu Chander V" userId="146ea9cd-88e8-4270-bc2b-da76f2ce2add" providerId="ADAL" clId="{C0FED1E5-472B-4A68-928D-86CF9751AC69}" dt="2023-02-22T14:49:15.014" v="8826" actId="14100"/>
          <ac:cxnSpMkLst>
            <pc:docMk/>
            <pc:sldMk cId="4160788921" sldId="281"/>
            <ac:cxnSpMk id="33" creationId="{13F555A5-823B-B457-C478-E2F36846EDD2}"/>
          </ac:cxnSpMkLst>
        </pc:cxnChg>
        <pc:cxnChg chg="add mod">
          <ac:chgData name="Bhanu Chander V" userId="146ea9cd-88e8-4270-bc2b-da76f2ce2add" providerId="ADAL" clId="{C0FED1E5-472B-4A68-928D-86CF9751AC69}" dt="2023-02-22T14:49:21.063" v="8828" actId="1076"/>
          <ac:cxnSpMkLst>
            <pc:docMk/>
            <pc:sldMk cId="4160788921" sldId="281"/>
            <ac:cxnSpMk id="35" creationId="{E226BAE5-AEAE-4721-53EF-4F9B62C5BA1C}"/>
          </ac:cxnSpMkLst>
        </pc:cxnChg>
        <pc:cxnChg chg="add mod">
          <ac:chgData name="Bhanu Chander V" userId="146ea9cd-88e8-4270-bc2b-da76f2ce2add" providerId="ADAL" clId="{C0FED1E5-472B-4A68-928D-86CF9751AC69}" dt="2023-02-22T14:49:32.601" v="8832" actId="14100"/>
          <ac:cxnSpMkLst>
            <pc:docMk/>
            <pc:sldMk cId="4160788921" sldId="281"/>
            <ac:cxnSpMk id="36" creationId="{4B5D4642-B4BC-9B79-D42C-9EEEF35E7443}"/>
          </ac:cxnSpMkLst>
        </pc:cxnChg>
        <pc:cxnChg chg="add mod">
          <ac:chgData name="Bhanu Chander V" userId="146ea9cd-88e8-4270-bc2b-da76f2ce2add" providerId="ADAL" clId="{C0FED1E5-472B-4A68-928D-86CF9751AC69}" dt="2023-02-22T14:49:45.920" v="8838" actId="14100"/>
          <ac:cxnSpMkLst>
            <pc:docMk/>
            <pc:sldMk cId="4160788921" sldId="281"/>
            <ac:cxnSpMk id="38" creationId="{5A1A40DF-572E-972D-9BB9-E38F3C9F9B3E}"/>
          </ac:cxnSpMkLst>
        </pc:cxnChg>
        <pc:cxnChg chg="add mod">
          <ac:chgData name="Bhanu Chander V" userId="146ea9cd-88e8-4270-bc2b-da76f2ce2add" providerId="ADAL" clId="{C0FED1E5-472B-4A68-928D-86CF9751AC69}" dt="2023-02-22T14:49:59.049" v="8842" actId="14100"/>
          <ac:cxnSpMkLst>
            <pc:docMk/>
            <pc:sldMk cId="4160788921" sldId="281"/>
            <ac:cxnSpMk id="40" creationId="{3AEA6926-B101-29B1-ACF0-98F231B2048B}"/>
          </ac:cxnSpMkLst>
        </pc:cxnChg>
        <pc:cxnChg chg="add mod">
          <ac:chgData name="Bhanu Chander V" userId="146ea9cd-88e8-4270-bc2b-da76f2ce2add" providerId="ADAL" clId="{C0FED1E5-472B-4A68-928D-86CF9751AC69}" dt="2023-02-22T14:57:24.264" v="8953" actId="14100"/>
          <ac:cxnSpMkLst>
            <pc:docMk/>
            <pc:sldMk cId="4160788921" sldId="281"/>
            <ac:cxnSpMk id="42" creationId="{E3A1923C-FE98-24A9-4B78-70749744251E}"/>
          </ac:cxnSpMkLst>
        </pc:cxnChg>
        <pc:cxnChg chg="add mod">
          <ac:chgData name="Bhanu Chander V" userId="146ea9cd-88e8-4270-bc2b-da76f2ce2add" providerId="ADAL" clId="{C0FED1E5-472B-4A68-928D-86CF9751AC69}" dt="2023-02-22T15:14:20.756" v="9153" actId="692"/>
          <ac:cxnSpMkLst>
            <pc:docMk/>
            <pc:sldMk cId="4160788921" sldId="281"/>
            <ac:cxnSpMk id="49" creationId="{F404BAD5-569C-DB4B-D4B4-445406F1A82C}"/>
          </ac:cxnSpMkLst>
        </pc:cxnChg>
        <pc:cxnChg chg="add mod">
          <ac:chgData name="Bhanu Chander V" userId="146ea9cd-88e8-4270-bc2b-da76f2ce2add" providerId="ADAL" clId="{C0FED1E5-472B-4A68-928D-86CF9751AC69}" dt="2023-02-22T15:14:14.586" v="9152" actId="692"/>
          <ac:cxnSpMkLst>
            <pc:docMk/>
            <pc:sldMk cId="4160788921" sldId="281"/>
            <ac:cxnSpMk id="51" creationId="{A88B48D8-2FC0-1F59-F76B-C6CD7F43252B}"/>
          </ac:cxnSpMkLst>
        </pc:cxnChg>
      </pc:sldChg>
      <pc:sldChg chg="addSp delSp modSp add mod ord addAnim delAnim modAnim">
        <pc:chgData name="Bhanu Chander V" userId="146ea9cd-88e8-4270-bc2b-da76f2ce2add" providerId="ADAL" clId="{C0FED1E5-472B-4A68-928D-86CF9751AC69}" dt="2023-02-21T08:29:08.962" v="8219"/>
        <pc:sldMkLst>
          <pc:docMk/>
          <pc:sldMk cId="124150643" sldId="282"/>
        </pc:sldMkLst>
        <pc:spChg chg="add mod">
          <ac:chgData name="Bhanu Chander V" userId="146ea9cd-88e8-4270-bc2b-da76f2ce2add" providerId="ADAL" clId="{C0FED1E5-472B-4A68-928D-86CF9751AC69}" dt="2023-02-21T08:03:10.112" v="7723" actId="1036"/>
          <ac:spMkLst>
            <pc:docMk/>
            <pc:sldMk cId="124150643" sldId="282"/>
            <ac:spMk id="2" creationId="{39FC2730-2E69-711A-C432-A1BA9D37C5D0}"/>
          </ac:spMkLst>
        </pc:spChg>
        <pc:spChg chg="mod">
          <ac:chgData name="Bhanu Chander V" userId="146ea9cd-88e8-4270-bc2b-da76f2ce2add" providerId="ADAL" clId="{C0FED1E5-472B-4A68-928D-86CF9751AC69}" dt="2023-02-21T08:03:53.261" v="7787" actId="1076"/>
          <ac:spMkLst>
            <pc:docMk/>
            <pc:sldMk cId="124150643" sldId="282"/>
            <ac:spMk id="5" creationId="{00B53052-B705-23D1-55AC-18B0D285B20E}"/>
          </ac:spMkLst>
        </pc:spChg>
        <pc:spChg chg="add mod">
          <ac:chgData name="Bhanu Chander V" userId="146ea9cd-88e8-4270-bc2b-da76f2ce2add" providerId="ADAL" clId="{C0FED1E5-472B-4A68-928D-86CF9751AC69}" dt="2023-02-21T08:12:49.095" v="8025" actId="1076"/>
          <ac:spMkLst>
            <pc:docMk/>
            <pc:sldMk cId="124150643" sldId="282"/>
            <ac:spMk id="7" creationId="{DC7B4454-80EA-CFA7-F7E6-659ED789E999}"/>
          </ac:spMkLst>
        </pc:spChg>
        <pc:spChg chg="add mod">
          <ac:chgData name="Bhanu Chander V" userId="146ea9cd-88e8-4270-bc2b-da76f2ce2add" providerId="ADAL" clId="{C0FED1E5-472B-4A68-928D-86CF9751AC69}" dt="2023-02-21T08:04:19.314" v="7808" actId="1036"/>
          <ac:spMkLst>
            <pc:docMk/>
            <pc:sldMk cId="124150643" sldId="282"/>
            <ac:spMk id="9" creationId="{DF24CE05-B7D0-B01C-4EA3-65D1638CC6DC}"/>
          </ac:spMkLst>
        </pc:spChg>
        <pc:spChg chg="add mod">
          <ac:chgData name="Bhanu Chander V" userId="146ea9cd-88e8-4270-bc2b-da76f2ce2add" providerId="ADAL" clId="{C0FED1E5-472B-4A68-928D-86CF9751AC69}" dt="2023-02-21T08:07:37.351" v="7854" actId="1076"/>
          <ac:spMkLst>
            <pc:docMk/>
            <pc:sldMk cId="124150643" sldId="282"/>
            <ac:spMk id="10" creationId="{E9A7B550-1D12-A808-20A6-A15EE2A94555}"/>
          </ac:spMkLst>
        </pc:spChg>
        <pc:spChg chg="add mod">
          <ac:chgData name="Bhanu Chander V" userId="146ea9cd-88e8-4270-bc2b-da76f2ce2add" providerId="ADAL" clId="{C0FED1E5-472B-4A68-928D-86CF9751AC69}" dt="2023-02-21T08:12:22.163" v="8019" actId="1035"/>
          <ac:spMkLst>
            <pc:docMk/>
            <pc:sldMk cId="124150643" sldId="282"/>
            <ac:spMk id="11" creationId="{A7FCBDEA-5F2C-FAAC-B6D3-9E1FA72FD54D}"/>
          </ac:spMkLst>
        </pc:spChg>
        <pc:spChg chg="add mod">
          <ac:chgData name="Bhanu Chander V" userId="146ea9cd-88e8-4270-bc2b-da76f2ce2add" providerId="ADAL" clId="{C0FED1E5-472B-4A68-928D-86CF9751AC69}" dt="2023-02-21T08:04:19.314" v="7808" actId="1036"/>
          <ac:spMkLst>
            <pc:docMk/>
            <pc:sldMk cId="124150643" sldId="282"/>
            <ac:spMk id="12" creationId="{B92C3C41-8AF1-147A-AF65-FDFBA6F8C612}"/>
          </ac:spMkLst>
        </pc:spChg>
        <pc:spChg chg="add mod">
          <ac:chgData name="Bhanu Chander V" userId="146ea9cd-88e8-4270-bc2b-da76f2ce2add" providerId="ADAL" clId="{C0FED1E5-472B-4A68-928D-86CF9751AC69}" dt="2023-02-21T08:15:43.937" v="8137" actId="1076"/>
          <ac:spMkLst>
            <pc:docMk/>
            <pc:sldMk cId="124150643" sldId="282"/>
            <ac:spMk id="13" creationId="{8EA05C05-A643-30D8-8347-3A30FD3A6457}"/>
          </ac:spMkLst>
        </pc:spChg>
        <pc:spChg chg="mod">
          <ac:chgData name="Bhanu Chander V" userId="146ea9cd-88e8-4270-bc2b-da76f2ce2add" providerId="ADAL" clId="{C0FED1E5-472B-4A68-928D-86CF9751AC69}" dt="2023-02-21T08:04:19.314" v="7808" actId="1036"/>
          <ac:spMkLst>
            <pc:docMk/>
            <pc:sldMk cId="124150643" sldId="282"/>
            <ac:spMk id="14" creationId="{BA1675EF-8427-D1EC-352E-1C04F44D9FA0}"/>
          </ac:spMkLst>
        </pc:spChg>
        <pc:spChg chg="add mod">
          <ac:chgData name="Bhanu Chander V" userId="146ea9cd-88e8-4270-bc2b-da76f2ce2add" providerId="ADAL" clId="{C0FED1E5-472B-4A68-928D-86CF9751AC69}" dt="2023-02-21T08:16:29.465" v="8143" actId="1076"/>
          <ac:spMkLst>
            <pc:docMk/>
            <pc:sldMk cId="124150643" sldId="282"/>
            <ac:spMk id="15" creationId="{3AFB2DB3-0CF3-721E-633F-004CF3957D1A}"/>
          </ac:spMkLst>
        </pc:spChg>
        <pc:spChg chg="add mod">
          <ac:chgData name="Bhanu Chander V" userId="146ea9cd-88e8-4270-bc2b-da76f2ce2add" providerId="ADAL" clId="{C0FED1E5-472B-4A68-928D-86CF9751AC69}" dt="2023-02-21T08:07:27.167" v="7853" actId="1076"/>
          <ac:spMkLst>
            <pc:docMk/>
            <pc:sldMk cId="124150643" sldId="282"/>
            <ac:spMk id="16" creationId="{02AA7FD5-E077-B9D3-4269-884320A64AD6}"/>
          </ac:spMkLst>
        </pc:spChg>
        <pc:spChg chg="add mod">
          <ac:chgData name="Bhanu Chander V" userId="146ea9cd-88e8-4270-bc2b-da76f2ce2add" providerId="ADAL" clId="{C0FED1E5-472B-4A68-928D-86CF9751AC69}" dt="2023-02-21T08:12:56.252" v="8026" actId="14100"/>
          <ac:spMkLst>
            <pc:docMk/>
            <pc:sldMk cId="124150643" sldId="282"/>
            <ac:spMk id="28" creationId="{C5831212-9630-A468-7321-72B77CEE44FE}"/>
          </ac:spMkLst>
        </pc:spChg>
        <pc:spChg chg="add mod">
          <ac:chgData name="Bhanu Chander V" userId="146ea9cd-88e8-4270-bc2b-da76f2ce2add" providerId="ADAL" clId="{C0FED1E5-472B-4A68-928D-86CF9751AC69}" dt="2023-02-21T08:03:24.765" v="7727" actId="1076"/>
          <ac:spMkLst>
            <pc:docMk/>
            <pc:sldMk cId="124150643" sldId="282"/>
            <ac:spMk id="29" creationId="{7CD6C8DE-4D38-CE2C-0663-73550BFBEBAD}"/>
          </ac:spMkLst>
        </pc:spChg>
        <pc:spChg chg="add mod">
          <ac:chgData name="Bhanu Chander V" userId="146ea9cd-88e8-4270-bc2b-da76f2ce2add" providerId="ADAL" clId="{C0FED1E5-472B-4A68-928D-86CF9751AC69}" dt="2023-02-21T08:03:10.112" v="7723" actId="1036"/>
          <ac:spMkLst>
            <pc:docMk/>
            <pc:sldMk cId="124150643" sldId="282"/>
            <ac:spMk id="30" creationId="{80580850-7C96-8841-89C7-1DB5B5178871}"/>
          </ac:spMkLst>
        </pc:spChg>
        <pc:spChg chg="add mod">
          <ac:chgData name="Bhanu Chander V" userId="146ea9cd-88e8-4270-bc2b-da76f2ce2add" providerId="ADAL" clId="{C0FED1E5-472B-4A68-928D-86CF9751AC69}" dt="2023-02-21T08:03:10.112" v="7723" actId="1036"/>
          <ac:spMkLst>
            <pc:docMk/>
            <pc:sldMk cId="124150643" sldId="282"/>
            <ac:spMk id="31" creationId="{59DF71E7-60BB-2D32-0F59-652F99C30A1C}"/>
          </ac:spMkLst>
        </pc:spChg>
        <pc:spChg chg="add del mod">
          <ac:chgData name="Bhanu Chander V" userId="146ea9cd-88e8-4270-bc2b-da76f2ce2add" providerId="ADAL" clId="{C0FED1E5-472B-4A68-928D-86CF9751AC69}" dt="2023-02-21T08:13:51.365" v="8075" actId="1076"/>
          <ac:spMkLst>
            <pc:docMk/>
            <pc:sldMk cId="124150643" sldId="282"/>
            <ac:spMk id="35" creationId="{0DE85E6B-9562-250F-8ED5-C1897507CF9D}"/>
          </ac:spMkLst>
        </pc:spChg>
        <pc:spChg chg="add mod">
          <ac:chgData name="Bhanu Chander V" userId="146ea9cd-88e8-4270-bc2b-da76f2ce2add" providerId="ADAL" clId="{C0FED1E5-472B-4A68-928D-86CF9751AC69}" dt="2023-02-21T08:03:10.112" v="7723" actId="1036"/>
          <ac:spMkLst>
            <pc:docMk/>
            <pc:sldMk cId="124150643" sldId="282"/>
            <ac:spMk id="36" creationId="{0068F711-2887-ECE7-8228-E19350874CB3}"/>
          </ac:spMkLst>
        </pc:spChg>
        <pc:spChg chg="add mod">
          <ac:chgData name="Bhanu Chander V" userId="146ea9cd-88e8-4270-bc2b-da76f2ce2add" providerId="ADAL" clId="{C0FED1E5-472B-4A68-928D-86CF9751AC69}" dt="2023-02-21T08:04:34.566" v="7812" actId="14100"/>
          <ac:spMkLst>
            <pc:docMk/>
            <pc:sldMk cId="124150643" sldId="282"/>
            <ac:spMk id="38" creationId="{C4889E45-9958-36A6-35FC-FA44963B9348}"/>
          </ac:spMkLst>
        </pc:spChg>
        <pc:spChg chg="add mod">
          <ac:chgData name="Bhanu Chander V" userId="146ea9cd-88e8-4270-bc2b-da76f2ce2add" providerId="ADAL" clId="{C0FED1E5-472B-4A68-928D-86CF9751AC69}" dt="2023-02-21T08:11:00.603" v="7980" actId="1035"/>
          <ac:spMkLst>
            <pc:docMk/>
            <pc:sldMk cId="124150643" sldId="282"/>
            <ac:spMk id="40" creationId="{6C590674-F099-19F7-4BFA-980147A40A9E}"/>
          </ac:spMkLst>
        </pc:spChg>
        <pc:spChg chg="add mod">
          <ac:chgData name="Bhanu Chander V" userId="146ea9cd-88e8-4270-bc2b-da76f2ce2add" providerId="ADAL" clId="{C0FED1E5-472B-4A68-928D-86CF9751AC69}" dt="2023-02-21T08:09:12.002" v="7912" actId="1076"/>
          <ac:spMkLst>
            <pc:docMk/>
            <pc:sldMk cId="124150643" sldId="282"/>
            <ac:spMk id="41" creationId="{9A8F8D22-ABD9-C5FE-5519-02BD31D80252}"/>
          </ac:spMkLst>
        </pc:spChg>
        <pc:spChg chg="add mod">
          <ac:chgData name="Bhanu Chander V" userId="146ea9cd-88e8-4270-bc2b-da76f2ce2add" providerId="ADAL" clId="{C0FED1E5-472B-4A68-928D-86CF9751AC69}" dt="2023-02-21T08:09:00.830" v="7909" actId="403"/>
          <ac:spMkLst>
            <pc:docMk/>
            <pc:sldMk cId="124150643" sldId="282"/>
            <ac:spMk id="43" creationId="{6E46FEEB-F7E3-9B45-F862-05AC07F0E92A}"/>
          </ac:spMkLst>
        </pc:spChg>
        <pc:spChg chg="add mod">
          <ac:chgData name="Bhanu Chander V" userId="146ea9cd-88e8-4270-bc2b-da76f2ce2add" providerId="ADAL" clId="{C0FED1E5-472B-4A68-928D-86CF9751AC69}" dt="2023-02-21T08:09:42.178" v="7921" actId="692"/>
          <ac:spMkLst>
            <pc:docMk/>
            <pc:sldMk cId="124150643" sldId="282"/>
            <ac:spMk id="44" creationId="{A1823204-CEF0-AC12-D3C7-BEBB9B23CDDC}"/>
          </ac:spMkLst>
        </pc:spChg>
        <pc:spChg chg="add mod">
          <ac:chgData name="Bhanu Chander V" userId="146ea9cd-88e8-4270-bc2b-da76f2ce2add" providerId="ADAL" clId="{C0FED1E5-472B-4A68-928D-86CF9751AC69}" dt="2023-02-21T08:16:45.424" v="8144" actId="207"/>
          <ac:spMkLst>
            <pc:docMk/>
            <pc:sldMk cId="124150643" sldId="282"/>
            <ac:spMk id="56" creationId="{29779B0F-957C-6466-13E7-4CB20E05B2D0}"/>
          </ac:spMkLst>
        </pc:spChg>
        <pc:spChg chg="add mod">
          <ac:chgData name="Bhanu Chander V" userId="146ea9cd-88e8-4270-bc2b-da76f2ce2add" providerId="ADAL" clId="{C0FED1E5-472B-4A68-928D-86CF9751AC69}" dt="2023-02-21T08:16:51.277" v="8145" actId="207"/>
          <ac:spMkLst>
            <pc:docMk/>
            <pc:sldMk cId="124150643" sldId="282"/>
            <ac:spMk id="57" creationId="{621F3870-0D37-E394-5297-5CA7A8032568}"/>
          </ac:spMkLst>
        </pc:spChg>
        <pc:graphicFrameChg chg="del">
          <ac:chgData name="Bhanu Chander V" userId="146ea9cd-88e8-4270-bc2b-da76f2ce2add" providerId="ADAL" clId="{C0FED1E5-472B-4A68-928D-86CF9751AC69}" dt="2023-02-21T07:20:42.332" v="6932" actId="478"/>
          <ac:graphicFrameMkLst>
            <pc:docMk/>
            <pc:sldMk cId="124150643" sldId="282"/>
            <ac:graphicFrameMk id="8" creationId="{B356E3BC-711B-363B-7B98-8C91754BD5D8}"/>
          </ac:graphicFrameMkLst>
        </pc:graphicFrameChg>
        <pc:graphicFrameChg chg="add mod modGraphic">
          <ac:chgData name="Bhanu Chander V" userId="146ea9cd-88e8-4270-bc2b-da76f2ce2add" providerId="ADAL" clId="{C0FED1E5-472B-4A68-928D-86CF9751AC69}" dt="2023-02-21T08:10:16.371" v="7933" actId="207"/>
          <ac:graphicFrameMkLst>
            <pc:docMk/>
            <pc:sldMk cId="124150643" sldId="282"/>
            <ac:graphicFrameMk id="39" creationId="{8CEDC57A-5ED9-8FA4-757D-23095AF68F17}"/>
          </ac:graphicFrameMkLst>
        </pc:graphicFrameChg>
        <pc:cxnChg chg="add mod">
          <ac:chgData name="Bhanu Chander V" userId="146ea9cd-88e8-4270-bc2b-da76f2ce2add" providerId="ADAL" clId="{C0FED1E5-472B-4A68-928D-86CF9751AC69}" dt="2023-02-21T08:12:43.424" v="8024" actId="14100"/>
          <ac:cxnSpMkLst>
            <pc:docMk/>
            <pc:sldMk cId="124150643" sldId="282"/>
            <ac:cxnSpMk id="18" creationId="{4675C58F-D184-0EDA-5CF0-286C908F7021}"/>
          </ac:cxnSpMkLst>
        </pc:cxnChg>
        <pc:cxnChg chg="add mod">
          <ac:chgData name="Bhanu Chander V" userId="146ea9cd-88e8-4270-bc2b-da76f2ce2add" providerId="ADAL" clId="{C0FED1E5-472B-4A68-928D-86CF9751AC69}" dt="2023-02-21T08:04:19.314" v="7808" actId="1036"/>
          <ac:cxnSpMkLst>
            <pc:docMk/>
            <pc:sldMk cId="124150643" sldId="282"/>
            <ac:cxnSpMk id="19" creationId="{BAC888F2-AFA3-F0DA-4929-E79ADA5B00B5}"/>
          </ac:cxnSpMkLst>
        </pc:cxnChg>
        <pc:cxnChg chg="add mod">
          <ac:chgData name="Bhanu Chander V" userId="146ea9cd-88e8-4270-bc2b-da76f2ce2add" providerId="ADAL" clId="{C0FED1E5-472B-4A68-928D-86CF9751AC69}" dt="2023-02-21T08:12:25.591" v="8020" actId="1076"/>
          <ac:cxnSpMkLst>
            <pc:docMk/>
            <pc:sldMk cId="124150643" sldId="282"/>
            <ac:cxnSpMk id="22" creationId="{DBEDB96F-DD2D-FD93-1711-AF6D315A75ED}"/>
          </ac:cxnSpMkLst>
        </pc:cxnChg>
        <pc:cxnChg chg="add mod">
          <ac:chgData name="Bhanu Chander V" userId="146ea9cd-88e8-4270-bc2b-da76f2ce2add" providerId="ADAL" clId="{C0FED1E5-472B-4A68-928D-86CF9751AC69}" dt="2023-02-21T08:04:19.314" v="7808" actId="1036"/>
          <ac:cxnSpMkLst>
            <pc:docMk/>
            <pc:sldMk cId="124150643" sldId="282"/>
            <ac:cxnSpMk id="25" creationId="{31FC494F-22C3-0317-4A6B-6005F51961E8}"/>
          </ac:cxnSpMkLst>
        </pc:cxnChg>
        <pc:cxnChg chg="add mod">
          <ac:chgData name="Bhanu Chander V" userId="146ea9cd-88e8-4270-bc2b-da76f2ce2add" providerId="ADAL" clId="{C0FED1E5-472B-4A68-928D-86CF9751AC69}" dt="2023-02-21T08:03:10.112" v="7723" actId="1036"/>
          <ac:cxnSpMkLst>
            <pc:docMk/>
            <pc:sldMk cId="124150643" sldId="282"/>
            <ac:cxnSpMk id="32" creationId="{1ACA53EA-DBA6-E95F-5E1C-C14F95D6E23F}"/>
          </ac:cxnSpMkLst>
        </pc:cxnChg>
        <pc:cxnChg chg="add mod">
          <ac:chgData name="Bhanu Chander V" userId="146ea9cd-88e8-4270-bc2b-da76f2ce2add" providerId="ADAL" clId="{C0FED1E5-472B-4A68-928D-86CF9751AC69}" dt="2023-02-21T08:03:10.112" v="7723" actId="1036"/>
          <ac:cxnSpMkLst>
            <pc:docMk/>
            <pc:sldMk cId="124150643" sldId="282"/>
            <ac:cxnSpMk id="33" creationId="{67511F04-A7CC-488D-8C4B-471F6EA2F0DE}"/>
          </ac:cxnSpMkLst>
        </pc:cxnChg>
        <pc:cxnChg chg="add mod">
          <ac:chgData name="Bhanu Chander V" userId="146ea9cd-88e8-4270-bc2b-da76f2ce2add" providerId="ADAL" clId="{C0FED1E5-472B-4A68-928D-86CF9751AC69}" dt="2023-02-21T08:11:20.466" v="7985" actId="14100"/>
          <ac:cxnSpMkLst>
            <pc:docMk/>
            <pc:sldMk cId="124150643" sldId="282"/>
            <ac:cxnSpMk id="45" creationId="{E99F8CB3-6591-4E79-A69E-590C457A1B40}"/>
          </ac:cxnSpMkLst>
        </pc:cxnChg>
        <pc:cxnChg chg="add mod">
          <ac:chgData name="Bhanu Chander V" userId="146ea9cd-88e8-4270-bc2b-da76f2ce2add" providerId="ADAL" clId="{C0FED1E5-472B-4A68-928D-86CF9751AC69}" dt="2023-02-21T08:11:44.765" v="7991" actId="14100"/>
          <ac:cxnSpMkLst>
            <pc:docMk/>
            <pc:sldMk cId="124150643" sldId="282"/>
            <ac:cxnSpMk id="50" creationId="{29062B8D-8AE8-4C13-C82C-89CB4DB1BE2B}"/>
          </ac:cxnSpMkLst>
        </pc:cxnChg>
      </pc:sldChg>
      <pc:sldChg chg="addSp delSp modSp add mod delAnim">
        <pc:chgData name="Bhanu Chander V" userId="146ea9cd-88e8-4270-bc2b-da76f2ce2add" providerId="ADAL" clId="{C0FED1E5-472B-4A68-928D-86CF9751AC69}" dt="2023-02-21T12:04:48.215" v="8221" actId="1076"/>
        <pc:sldMkLst>
          <pc:docMk/>
          <pc:sldMk cId="3978002774" sldId="283"/>
        </pc:sldMkLst>
        <pc:spChg chg="del mod">
          <ac:chgData name="Bhanu Chander V" userId="146ea9cd-88e8-4270-bc2b-da76f2ce2add" providerId="ADAL" clId="{C0FED1E5-472B-4A68-928D-86CF9751AC69}" dt="2023-02-21T08:21:04.665" v="8205" actId="478"/>
          <ac:spMkLst>
            <pc:docMk/>
            <pc:sldMk cId="3978002774" sldId="283"/>
            <ac:spMk id="2" creationId="{DA39C439-15AE-4380-93D9-A6C739E35528}"/>
          </ac:spMkLst>
        </pc:spChg>
        <pc:spChg chg="mod">
          <ac:chgData name="Bhanu Chander V" userId="146ea9cd-88e8-4270-bc2b-da76f2ce2add" providerId="ADAL" clId="{C0FED1E5-472B-4A68-928D-86CF9751AC69}" dt="2023-02-21T12:04:48.215" v="8221" actId="1076"/>
          <ac:spMkLst>
            <pc:docMk/>
            <pc:sldMk cId="3978002774" sldId="283"/>
            <ac:spMk id="5" creationId="{00B53052-B705-23D1-55AC-18B0D285B20E}"/>
          </ac:spMkLst>
        </pc:spChg>
        <pc:spChg chg="add mod">
          <ac:chgData name="Bhanu Chander V" userId="146ea9cd-88e8-4270-bc2b-da76f2ce2add" providerId="ADAL" clId="{C0FED1E5-472B-4A68-928D-86CF9751AC69}" dt="2023-02-21T08:21:05.244" v="8206"/>
          <ac:spMkLst>
            <pc:docMk/>
            <pc:sldMk cId="3978002774" sldId="283"/>
            <ac:spMk id="6" creationId="{3BEF784F-0FAD-02FD-A316-DCB50D21A872}"/>
          </ac:spMkLst>
        </pc:spChg>
        <pc:spChg chg="del">
          <ac:chgData name="Bhanu Chander V" userId="146ea9cd-88e8-4270-bc2b-da76f2ce2add" providerId="ADAL" clId="{C0FED1E5-472B-4A68-928D-86CF9751AC69}" dt="2023-02-21T08:18:35.667" v="8163" actId="478"/>
          <ac:spMkLst>
            <pc:docMk/>
            <pc:sldMk cId="3978002774" sldId="283"/>
            <ac:spMk id="9" creationId="{7D0016DE-264C-4C96-4722-17BED3EAD46C}"/>
          </ac:spMkLst>
        </pc:spChg>
        <pc:spChg chg="del">
          <ac:chgData name="Bhanu Chander V" userId="146ea9cd-88e8-4270-bc2b-da76f2ce2add" providerId="ADAL" clId="{C0FED1E5-472B-4A68-928D-86CF9751AC69}" dt="2023-02-21T08:18:35.667" v="8163" actId="478"/>
          <ac:spMkLst>
            <pc:docMk/>
            <pc:sldMk cId="3978002774" sldId="283"/>
            <ac:spMk id="14" creationId="{BA1675EF-8427-D1EC-352E-1C04F44D9FA0}"/>
          </ac:spMkLst>
        </pc:spChg>
        <pc:spChg chg="del">
          <ac:chgData name="Bhanu Chander V" userId="146ea9cd-88e8-4270-bc2b-da76f2ce2add" providerId="ADAL" clId="{C0FED1E5-472B-4A68-928D-86CF9751AC69}" dt="2023-02-21T08:18:40.507" v="8164" actId="478"/>
          <ac:spMkLst>
            <pc:docMk/>
            <pc:sldMk cId="3978002774" sldId="283"/>
            <ac:spMk id="15" creationId="{39993F22-56CD-A60B-ECD4-D187F5774713}"/>
          </ac:spMkLst>
        </pc:spChg>
        <pc:spChg chg="del">
          <ac:chgData name="Bhanu Chander V" userId="146ea9cd-88e8-4270-bc2b-da76f2ce2add" providerId="ADAL" clId="{C0FED1E5-472B-4A68-928D-86CF9751AC69}" dt="2023-02-21T08:18:35.667" v="8163" actId="478"/>
          <ac:spMkLst>
            <pc:docMk/>
            <pc:sldMk cId="3978002774" sldId="283"/>
            <ac:spMk id="18" creationId="{EEA9E8DE-C886-D285-6526-5DE00C5F46C6}"/>
          </ac:spMkLst>
        </pc:spChg>
        <pc:graphicFrameChg chg="del">
          <ac:chgData name="Bhanu Chander V" userId="146ea9cd-88e8-4270-bc2b-da76f2ce2add" providerId="ADAL" clId="{C0FED1E5-472B-4A68-928D-86CF9751AC69}" dt="2023-02-21T08:18:40.507" v="8164" actId="478"/>
          <ac:graphicFrameMkLst>
            <pc:docMk/>
            <pc:sldMk cId="3978002774" sldId="283"/>
            <ac:graphicFrameMk id="7" creationId="{5E88F9D4-62A4-4B56-6AA3-D537CC12954F}"/>
          </ac:graphicFrameMkLst>
        </pc:graphicFrameChg>
        <pc:graphicFrameChg chg="del">
          <ac:chgData name="Bhanu Chander V" userId="146ea9cd-88e8-4270-bc2b-da76f2ce2add" providerId="ADAL" clId="{C0FED1E5-472B-4A68-928D-86CF9751AC69}" dt="2023-02-21T08:18:35.667" v="8163" actId="478"/>
          <ac:graphicFrameMkLst>
            <pc:docMk/>
            <pc:sldMk cId="3978002774" sldId="283"/>
            <ac:graphicFrameMk id="13" creationId="{6477CEDC-ECE0-4C39-3441-22B55493CE03}"/>
          </ac:graphicFrameMkLst>
        </pc:graphicFrameChg>
        <pc:picChg chg="del">
          <ac:chgData name="Bhanu Chander V" userId="146ea9cd-88e8-4270-bc2b-da76f2ce2add" providerId="ADAL" clId="{C0FED1E5-472B-4A68-928D-86CF9751AC69}" dt="2023-02-21T08:18:35.667" v="8163" actId="478"/>
          <ac:picMkLst>
            <pc:docMk/>
            <pc:sldMk cId="3978002774" sldId="283"/>
            <ac:picMk id="16" creationId="{511C01F3-8339-6CA4-14D2-066E12CCD989}"/>
          </ac:picMkLst>
        </pc:picChg>
        <pc:picChg chg="del">
          <ac:chgData name="Bhanu Chander V" userId="146ea9cd-88e8-4270-bc2b-da76f2ce2add" providerId="ADAL" clId="{C0FED1E5-472B-4A68-928D-86CF9751AC69}" dt="2023-02-21T08:18:35.667" v="8163" actId="478"/>
          <ac:picMkLst>
            <pc:docMk/>
            <pc:sldMk cId="3978002774" sldId="283"/>
            <ac:picMk id="17" creationId="{14B5765D-4CE1-C839-6D17-091CFE348FE3}"/>
          </ac:picMkLst>
        </pc:picChg>
      </pc:sldChg>
      <pc:sldChg chg="addSp delSp modSp new mod addAnim delAnim modAnim">
        <pc:chgData name="Bhanu Chander V" userId="146ea9cd-88e8-4270-bc2b-da76f2ce2add" providerId="ADAL" clId="{C0FED1E5-472B-4A68-928D-86CF9751AC69}" dt="2023-04-04T05:34:10.261" v="12316"/>
        <pc:sldMkLst>
          <pc:docMk/>
          <pc:sldMk cId="2674034572" sldId="284"/>
        </pc:sldMkLst>
        <pc:spChg chg="add mod">
          <ac:chgData name="Bhanu Chander V" userId="146ea9cd-88e8-4270-bc2b-da76f2ce2add" providerId="ADAL" clId="{C0FED1E5-472B-4A68-928D-86CF9751AC69}" dt="2023-02-23T03:45:58.296" v="9337"/>
          <ac:spMkLst>
            <pc:docMk/>
            <pc:sldMk cId="2674034572" sldId="284"/>
            <ac:spMk id="3" creationId="{3D97D106-E6F3-A02E-A9C4-8E7FE5ABCC4A}"/>
          </ac:spMkLst>
        </pc:spChg>
        <pc:spChg chg="add mod">
          <ac:chgData name="Bhanu Chander V" userId="146ea9cd-88e8-4270-bc2b-da76f2ce2add" providerId="ADAL" clId="{C0FED1E5-472B-4A68-928D-86CF9751AC69}" dt="2023-02-24T06:08:37.172" v="11328" actId="1076"/>
          <ac:spMkLst>
            <pc:docMk/>
            <pc:sldMk cId="2674034572" sldId="284"/>
            <ac:spMk id="4" creationId="{B88693B2-9886-CAA5-2C95-8C33086D6565}"/>
          </ac:spMkLst>
        </pc:spChg>
        <pc:spChg chg="add mod">
          <ac:chgData name="Bhanu Chander V" userId="146ea9cd-88e8-4270-bc2b-da76f2ce2add" providerId="ADAL" clId="{C0FED1E5-472B-4A68-928D-86CF9751AC69}" dt="2023-02-23T03:45:58.296" v="9337"/>
          <ac:spMkLst>
            <pc:docMk/>
            <pc:sldMk cId="2674034572" sldId="284"/>
            <ac:spMk id="5" creationId="{534E58A0-A445-B6AE-16B6-E1F503CE6DF4}"/>
          </ac:spMkLst>
        </pc:spChg>
        <pc:spChg chg="add mod">
          <ac:chgData name="Bhanu Chander V" userId="146ea9cd-88e8-4270-bc2b-da76f2ce2add" providerId="ADAL" clId="{C0FED1E5-472B-4A68-928D-86CF9751AC69}" dt="2023-02-23T13:03:01.009" v="9869" actId="14100"/>
          <ac:spMkLst>
            <pc:docMk/>
            <pc:sldMk cId="2674034572" sldId="284"/>
            <ac:spMk id="7" creationId="{214B3D27-1A3D-7CCE-07EF-B5CEF786A80A}"/>
          </ac:spMkLst>
        </pc:spChg>
        <pc:spChg chg="add mod">
          <ac:chgData name="Bhanu Chander V" userId="146ea9cd-88e8-4270-bc2b-da76f2ce2add" providerId="ADAL" clId="{C0FED1E5-472B-4A68-928D-86CF9751AC69}" dt="2023-02-23T13:02:52.257" v="9867" actId="1076"/>
          <ac:spMkLst>
            <pc:docMk/>
            <pc:sldMk cId="2674034572" sldId="284"/>
            <ac:spMk id="8" creationId="{26D1422E-7999-2111-4F28-BEB2DD81A9CD}"/>
          </ac:spMkLst>
        </pc:spChg>
        <pc:spChg chg="add mod">
          <ac:chgData name="Bhanu Chander V" userId="146ea9cd-88e8-4270-bc2b-da76f2ce2add" providerId="ADAL" clId="{C0FED1E5-472B-4A68-928D-86CF9751AC69}" dt="2023-02-23T13:03:11.107" v="9876" actId="1038"/>
          <ac:spMkLst>
            <pc:docMk/>
            <pc:sldMk cId="2674034572" sldId="284"/>
            <ac:spMk id="9" creationId="{59184FDF-40DD-DB31-78A4-78A2C173D2C8}"/>
          </ac:spMkLst>
        </pc:spChg>
        <pc:spChg chg="add mod">
          <ac:chgData name="Bhanu Chander V" userId="146ea9cd-88e8-4270-bc2b-da76f2ce2add" providerId="ADAL" clId="{C0FED1E5-472B-4A68-928D-86CF9751AC69}" dt="2023-02-23T13:02:33.221" v="9864" actId="1076"/>
          <ac:spMkLst>
            <pc:docMk/>
            <pc:sldMk cId="2674034572" sldId="284"/>
            <ac:spMk id="10" creationId="{7D773FD6-F8AB-D194-5ACB-504C3335A38B}"/>
          </ac:spMkLst>
        </pc:spChg>
        <pc:spChg chg="add mod">
          <ac:chgData name="Bhanu Chander V" userId="146ea9cd-88e8-4270-bc2b-da76f2ce2add" providerId="ADAL" clId="{C0FED1E5-472B-4A68-928D-86CF9751AC69}" dt="2023-02-23T13:03:07.195" v="9870" actId="1076"/>
          <ac:spMkLst>
            <pc:docMk/>
            <pc:sldMk cId="2674034572" sldId="284"/>
            <ac:spMk id="11" creationId="{30586355-EC62-DDC8-22E6-7344690A0468}"/>
          </ac:spMkLst>
        </pc:spChg>
        <pc:spChg chg="add del mod">
          <ac:chgData name="Bhanu Chander V" userId="146ea9cd-88e8-4270-bc2b-da76f2ce2add" providerId="ADAL" clId="{C0FED1E5-472B-4A68-928D-86CF9751AC69}" dt="2023-02-23T12:29:52.360" v="9477" actId="478"/>
          <ac:spMkLst>
            <pc:docMk/>
            <pc:sldMk cId="2674034572" sldId="284"/>
            <ac:spMk id="15" creationId="{3BC0E810-B7CE-DFC9-34B4-7985BA97789C}"/>
          </ac:spMkLst>
        </pc:spChg>
        <pc:spChg chg="add mod">
          <ac:chgData name="Bhanu Chander V" userId="146ea9cd-88e8-4270-bc2b-da76f2ce2add" providerId="ADAL" clId="{C0FED1E5-472B-4A68-928D-86CF9751AC69}" dt="2023-02-23T13:03:53.188" v="9879" actId="1076"/>
          <ac:spMkLst>
            <pc:docMk/>
            <pc:sldMk cId="2674034572" sldId="284"/>
            <ac:spMk id="16" creationId="{B48E34EA-02C0-69C6-572C-19ED8913A10D}"/>
          </ac:spMkLst>
        </pc:spChg>
        <pc:spChg chg="add mod">
          <ac:chgData name="Bhanu Chander V" userId="146ea9cd-88e8-4270-bc2b-da76f2ce2add" providerId="ADAL" clId="{C0FED1E5-472B-4A68-928D-86CF9751AC69}" dt="2023-02-23T13:04:36.284" v="9884" actId="1076"/>
          <ac:spMkLst>
            <pc:docMk/>
            <pc:sldMk cId="2674034572" sldId="284"/>
            <ac:spMk id="17" creationId="{ECC6E6B8-5A42-9A3B-D2BD-88BC0741C006}"/>
          </ac:spMkLst>
        </pc:spChg>
        <pc:spChg chg="add mod">
          <ac:chgData name="Bhanu Chander V" userId="146ea9cd-88e8-4270-bc2b-da76f2ce2add" providerId="ADAL" clId="{C0FED1E5-472B-4A68-928D-86CF9751AC69}" dt="2023-04-04T05:33:59.047" v="12314"/>
          <ac:spMkLst>
            <pc:docMk/>
            <pc:sldMk cId="2674034572" sldId="284"/>
            <ac:spMk id="18" creationId="{98AF2499-FF4F-5CE0-13C7-98DD81F67E9B}"/>
          </ac:spMkLst>
        </pc:spChg>
        <pc:spChg chg="add del mod">
          <ac:chgData name="Bhanu Chander V" userId="146ea9cd-88e8-4270-bc2b-da76f2ce2add" providerId="ADAL" clId="{C0FED1E5-472B-4A68-928D-86CF9751AC69}" dt="2023-02-23T12:51:35.123" v="9595" actId="478"/>
          <ac:spMkLst>
            <pc:docMk/>
            <pc:sldMk cId="2674034572" sldId="284"/>
            <ac:spMk id="19" creationId="{0B7CF746-13C6-AFBB-BC69-77594B797E32}"/>
          </ac:spMkLst>
        </pc:spChg>
        <pc:spChg chg="add mod">
          <ac:chgData name="Bhanu Chander V" userId="146ea9cd-88e8-4270-bc2b-da76f2ce2add" providerId="ADAL" clId="{C0FED1E5-472B-4A68-928D-86CF9751AC69}" dt="2023-04-04T05:34:02.587" v="12315"/>
          <ac:spMkLst>
            <pc:docMk/>
            <pc:sldMk cId="2674034572" sldId="284"/>
            <ac:spMk id="20" creationId="{DDBBE0A5-7062-88AF-9AD7-896E6C860583}"/>
          </ac:spMkLst>
        </pc:spChg>
        <pc:spChg chg="add del mod">
          <ac:chgData name="Bhanu Chander V" userId="146ea9cd-88e8-4270-bc2b-da76f2ce2add" providerId="ADAL" clId="{C0FED1E5-472B-4A68-928D-86CF9751AC69}" dt="2023-02-23T12:52:01.352" v="9604" actId="478"/>
          <ac:spMkLst>
            <pc:docMk/>
            <pc:sldMk cId="2674034572" sldId="284"/>
            <ac:spMk id="21" creationId="{B170263B-5E89-960B-B925-77C9689A4B68}"/>
          </ac:spMkLst>
        </pc:spChg>
        <pc:spChg chg="add mod">
          <ac:chgData name="Bhanu Chander V" userId="146ea9cd-88e8-4270-bc2b-da76f2ce2add" providerId="ADAL" clId="{C0FED1E5-472B-4A68-928D-86CF9751AC69}" dt="2023-02-23T13:06:42.477" v="9903" actId="1076"/>
          <ac:spMkLst>
            <pc:docMk/>
            <pc:sldMk cId="2674034572" sldId="284"/>
            <ac:spMk id="22" creationId="{C78BB2E6-CD5C-17E7-BC7D-D522CC0F4525}"/>
          </ac:spMkLst>
        </pc:spChg>
        <pc:spChg chg="add mod">
          <ac:chgData name="Bhanu Chander V" userId="146ea9cd-88e8-4270-bc2b-da76f2ce2add" providerId="ADAL" clId="{C0FED1E5-472B-4A68-928D-86CF9751AC69}" dt="2023-04-04T05:34:10.261" v="12316"/>
          <ac:spMkLst>
            <pc:docMk/>
            <pc:sldMk cId="2674034572" sldId="284"/>
            <ac:spMk id="23" creationId="{B21880AB-5490-EB7C-619A-E1CF49DD2F6D}"/>
          </ac:spMkLst>
        </pc:spChg>
        <pc:spChg chg="add mod">
          <ac:chgData name="Bhanu Chander V" userId="146ea9cd-88e8-4270-bc2b-da76f2ce2add" providerId="ADAL" clId="{C0FED1E5-472B-4A68-928D-86CF9751AC69}" dt="2023-02-24T04:59:20.250" v="10417" actId="20577"/>
          <ac:spMkLst>
            <pc:docMk/>
            <pc:sldMk cId="2674034572" sldId="284"/>
            <ac:spMk id="30" creationId="{DF11487A-8493-9AC1-F032-AD448D246F27}"/>
          </ac:spMkLst>
        </pc:spChg>
        <pc:spChg chg="add mod">
          <ac:chgData name="Bhanu Chander V" userId="146ea9cd-88e8-4270-bc2b-da76f2ce2add" providerId="ADAL" clId="{C0FED1E5-472B-4A68-928D-86CF9751AC69}" dt="2023-04-04T05:33:48.921" v="12312" actId="20577"/>
          <ac:spMkLst>
            <pc:docMk/>
            <pc:sldMk cId="2674034572" sldId="284"/>
            <ac:spMk id="31" creationId="{B911751C-94C5-72B5-DFCF-4C7732CD760B}"/>
          </ac:spMkLst>
        </pc:spChg>
        <pc:spChg chg="add del mod">
          <ac:chgData name="Bhanu Chander V" userId="146ea9cd-88e8-4270-bc2b-da76f2ce2add" providerId="ADAL" clId="{C0FED1E5-472B-4A68-928D-86CF9751AC69}" dt="2023-02-23T13:48:58.511" v="10064" actId="1038"/>
          <ac:spMkLst>
            <pc:docMk/>
            <pc:sldMk cId="2674034572" sldId="284"/>
            <ac:spMk id="32" creationId="{CA28650A-7955-9997-4459-5CC19F767554}"/>
          </ac:spMkLst>
        </pc:spChg>
        <pc:spChg chg="add mod">
          <ac:chgData name="Bhanu Chander V" userId="146ea9cd-88e8-4270-bc2b-da76f2ce2add" providerId="ADAL" clId="{C0FED1E5-472B-4A68-928D-86CF9751AC69}" dt="2023-04-04T05:33:53.792" v="12313"/>
          <ac:spMkLst>
            <pc:docMk/>
            <pc:sldMk cId="2674034572" sldId="284"/>
            <ac:spMk id="33" creationId="{637EDC63-D589-420A-D955-A2A76C015F4A}"/>
          </ac:spMkLst>
        </pc:spChg>
        <pc:spChg chg="add mod">
          <ac:chgData name="Bhanu Chander V" userId="146ea9cd-88e8-4270-bc2b-da76f2ce2add" providerId="ADAL" clId="{C0FED1E5-472B-4A68-928D-86CF9751AC69}" dt="2023-02-23T13:48:58.511" v="10064" actId="1038"/>
          <ac:spMkLst>
            <pc:docMk/>
            <pc:sldMk cId="2674034572" sldId="284"/>
            <ac:spMk id="34" creationId="{5F9E510B-D5B7-647F-0CC4-73196ECC0E65}"/>
          </ac:spMkLst>
        </pc:spChg>
        <pc:spChg chg="add mod">
          <ac:chgData name="Bhanu Chander V" userId="146ea9cd-88e8-4270-bc2b-da76f2ce2add" providerId="ADAL" clId="{C0FED1E5-472B-4A68-928D-86CF9751AC69}" dt="2023-02-24T04:58:34.553" v="10381" actId="1038"/>
          <ac:spMkLst>
            <pc:docMk/>
            <pc:sldMk cId="2674034572" sldId="284"/>
            <ac:spMk id="39" creationId="{0BEBE120-AE14-5026-3673-0D986DB61B07}"/>
          </ac:spMkLst>
        </pc:spChg>
        <pc:spChg chg="add mod">
          <ac:chgData name="Bhanu Chander V" userId="146ea9cd-88e8-4270-bc2b-da76f2ce2add" providerId="ADAL" clId="{C0FED1E5-472B-4A68-928D-86CF9751AC69}" dt="2023-02-24T04:49:55.179" v="10364" actId="1036"/>
          <ac:spMkLst>
            <pc:docMk/>
            <pc:sldMk cId="2674034572" sldId="284"/>
            <ac:spMk id="40" creationId="{C6528BCC-3089-C60E-0F30-C217916D06F4}"/>
          </ac:spMkLst>
        </pc:spChg>
        <pc:spChg chg="add mod">
          <ac:chgData name="Bhanu Chander V" userId="146ea9cd-88e8-4270-bc2b-da76f2ce2add" providerId="ADAL" clId="{C0FED1E5-472B-4A68-928D-86CF9751AC69}" dt="2023-02-24T04:49:55.179" v="10364" actId="1036"/>
          <ac:spMkLst>
            <pc:docMk/>
            <pc:sldMk cId="2674034572" sldId="284"/>
            <ac:spMk id="43" creationId="{AC7D9EB9-F44A-64F2-180A-A8EB6FE881BE}"/>
          </ac:spMkLst>
        </pc:spChg>
        <pc:spChg chg="add mod">
          <ac:chgData name="Bhanu Chander V" userId="146ea9cd-88e8-4270-bc2b-da76f2ce2add" providerId="ADAL" clId="{C0FED1E5-472B-4A68-928D-86CF9751AC69}" dt="2023-02-24T04:49:55.179" v="10364" actId="1036"/>
          <ac:spMkLst>
            <pc:docMk/>
            <pc:sldMk cId="2674034572" sldId="284"/>
            <ac:spMk id="45" creationId="{DE7603B8-7B84-B042-514F-C7836CDF006A}"/>
          </ac:spMkLst>
        </pc:spChg>
        <pc:spChg chg="add del">
          <ac:chgData name="Bhanu Chander V" userId="146ea9cd-88e8-4270-bc2b-da76f2ce2add" providerId="ADAL" clId="{C0FED1E5-472B-4A68-928D-86CF9751AC69}" dt="2023-02-23T13:53:44.961" v="10183" actId="478"/>
          <ac:spMkLst>
            <pc:docMk/>
            <pc:sldMk cId="2674034572" sldId="284"/>
            <ac:spMk id="46" creationId="{CFD5C3E3-0D00-5972-5160-7D447F268CAB}"/>
          </ac:spMkLst>
        </pc:spChg>
        <pc:spChg chg="add del">
          <ac:chgData name="Bhanu Chander V" userId="146ea9cd-88e8-4270-bc2b-da76f2ce2add" providerId="ADAL" clId="{C0FED1E5-472B-4A68-928D-86CF9751AC69}" dt="2023-02-23T13:54:14.761" v="10185" actId="478"/>
          <ac:spMkLst>
            <pc:docMk/>
            <pc:sldMk cId="2674034572" sldId="284"/>
            <ac:spMk id="47" creationId="{8EA9FFEE-A8F2-1908-DF62-57FC219D1ECA}"/>
          </ac:spMkLst>
        </pc:spChg>
        <pc:spChg chg="add mod">
          <ac:chgData name="Bhanu Chander V" userId="146ea9cd-88e8-4270-bc2b-da76f2ce2add" providerId="ADAL" clId="{C0FED1E5-472B-4A68-928D-86CF9751AC69}" dt="2023-02-24T04:50:09.999" v="10366" actId="1076"/>
          <ac:spMkLst>
            <pc:docMk/>
            <pc:sldMk cId="2674034572" sldId="284"/>
            <ac:spMk id="48" creationId="{6178AB2D-99CB-5FDB-F225-9DE52BAF33BE}"/>
          </ac:spMkLst>
        </pc:spChg>
        <pc:spChg chg="add mod">
          <ac:chgData name="Bhanu Chander V" userId="146ea9cd-88e8-4270-bc2b-da76f2ce2add" providerId="ADAL" clId="{C0FED1E5-472B-4A68-928D-86CF9751AC69}" dt="2023-02-24T04:49:55.179" v="10364" actId="1036"/>
          <ac:spMkLst>
            <pc:docMk/>
            <pc:sldMk cId="2674034572" sldId="284"/>
            <ac:spMk id="56" creationId="{7E1F355F-4CA6-21D6-07D4-325CCAD3682F}"/>
          </ac:spMkLst>
        </pc:spChg>
        <pc:spChg chg="add mod">
          <ac:chgData name="Bhanu Chander V" userId="146ea9cd-88e8-4270-bc2b-da76f2ce2add" providerId="ADAL" clId="{C0FED1E5-472B-4A68-928D-86CF9751AC69}" dt="2023-02-24T04:49:55.179" v="10364" actId="1036"/>
          <ac:spMkLst>
            <pc:docMk/>
            <pc:sldMk cId="2674034572" sldId="284"/>
            <ac:spMk id="57" creationId="{B44E346B-C186-F66F-5EB6-4F482178BD15}"/>
          </ac:spMkLst>
        </pc:spChg>
        <pc:spChg chg="add mod">
          <ac:chgData name="Bhanu Chander V" userId="146ea9cd-88e8-4270-bc2b-da76f2ce2add" providerId="ADAL" clId="{C0FED1E5-472B-4A68-928D-86CF9751AC69}" dt="2023-02-24T04:49:55.179" v="10364" actId="1036"/>
          <ac:spMkLst>
            <pc:docMk/>
            <pc:sldMk cId="2674034572" sldId="284"/>
            <ac:spMk id="58" creationId="{1F1533F8-5652-047F-2281-34C13F7BEECA}"/>
          </ac:spMkLst>
        </pc:spChg>
        <pc:spChg chg="add mod">
          <ac:chgData name="Bhanu Chander V" userId="146ea9cd-88e8-4270-bc2b-da76f2ce2add" providerId="ADAL" clId="{C0FED1E5-472B-4A68-928D-86CF9751AC69}" dt="2023-02-24T04:49:55.179" v="10364" actId="1036"/>
          <ac:spMkLst>
            <pc:docMk/>
            <pc:sldMk cId="2674034572" sldId="284"/>
            <ac:spMk id="59" creationId="{12A750BD-F1D1-E969-95D2-DF4566287233}"/>
          </ac:spMkLst>
        </pc:spChg>
        <pc:spChg chg="add mod">
          <ac:chgData name="Bhanu Chander V" userId="146ea9cd-88e8-4270-bc2b-da76f2ce2add" providerId="ADAL" clId="{C0FED1E5-472B-4A68-928D-86CF9751AC69}" dt="2023-02-24T05:04:05.544" v="10486" actId="1037"/>
          <ac:spMkLst>
            <pc:docMk/>
            <pc:sldMk cId="2674034572" sldId="284"/>
            <ac:spMk id="77" creationId="{2A7CAAD4-02C8-585B-77E7-18149B2FF259}"/>
          </ac:spMkLst>
        </pc:spChg>
        <pc:spChg chg="add mod">
          <ac:chgData name="Bhanu Chander V" userId="146ea9cd-88e8-4270-bc2b-da76f2ce2add" providerId="ADAL" clId="{C0FED1E5-472B-4A68-928D-86CF9751AC69}" dt="2023-02-24T05:04:18.070" v="10487" actId="1037"/>
          <ac:spMkLst>
            <pc:docMk/>
            <pc:sldMk cId="2674034572" sldId="284"/>
            <ac:spMk id="78" creationId="{4888E6B8-485C-2397-0EE8-6200153B19C4}"/>
          </ac:spMkLst>
        </pc:spChg>
        <pc:graphicFrameChg chg="add mod">
          <ac:chgData name="Bhanu Chander V" userId="146ea9cd-88e8-4270-bc2b-da76f2ce2add" providerId="ADAL" clId="{C0FED1E5-472B-4A68-928D-86CF9751AC69}" dt="2023-02-23T03:45:58.296" v="9337"/>
          <ac:graphicFrameMkLst>
            <pc:docMk/>
            <pc:sldMk cId="2674034572" sldId="284"/>
            <ac:graphicFrameMk id="2" creationId="{2E4FCC98-5D87-B929-7C4F-1056B917612D}"/>
          </ac:graphicFrameMkLst>
        </pc:graphicFrameChg>
        <pc:picChg chg="add mod modCrop">
          <ac:chgData name="Bhanu Chander V" userId="146ea9cd-88e8-4270-bc2b-da76f2ce2add" providerId="ADAL" clId="{C0FED1E5-472B-4A68-928D-86CF9751AC69}" dt="2023-02-23T13:11:32.510" v="10015" actId="14100"/>
          <ac:picMkLst>
            <pc:docMk/>
            <pc:sldMk cId="2674034572" sldId="284"/>
            <ac:picMk id="12" creationId="{810FC414-2FD2-F07F-78C7-22BE31919FC7}"/>
          </ac:picMkLst>
        </pc:picChg>
        <pc:picChg chg="add mod">
          <ac:chgData name="Bhanu Chander V" userId="146ea9cd-88e8-4270-bc2b-da76f2ce2add" providerId="ADAL" clId="{C0FED1E5-472B-4A68-928D-86CF9751AC69}" dt="2023-02-24T05:03:37.034" v="10480" actId="14100"/>
          <ac:picMkLst>
            <pc:docMk/>
            <pc:sldMk cId="2674034572" sldId="284"/>
            <ac:picMk id="38" creationId="{A25E5625-DE64-C291-02C1-6D5E96743A6A}"/>
          </ac:picMkLst>
        </pc:picChg>
        <pc:cxnChg chg="add mod">
          <ac:chgData name="Bhanu Chander V" userId="146ea9cd-88e8-4270-bc2b-da76f2ce2add" providerId="ADAL" clId="{C0FED1E5-472B-4A68-928D-86CF9751AC69}" dt="2023-02-23T03:46:09.831" v="9338"/>
          <ac:cxnSpMkLst>
            <pc:docMk/>
            <pc:sldMk cId="2674034572" sldId="284"/>
            <ac:cxnSpMk id="6" creationId="{75CA8A71-9AA0-FF3E-352D-EC6AA9A57C15}"/>
          </ac:cxnSpMkLst>
        </pc:cxnChg>
        <pc:cxnChg chg="add mod">
          <ac:chgData name="Bhanu Chander V" userId="146ea9cd-88e8-4270-bc2b-da76f2ce2add" providerId="ADAL" clId="{C0FED1E5-472B-4A68-928D-86CF9751AC69}" dt="2023-02-23T13:11:41.098" v="10023" actId="1037"/>
          <ac:cxnSpMkLst>
            <pc:docMk/>
            <pc:sldMk cId="2674034572" sldId="284"/>
            <ac:cxnSpMk id="13" creationId="{311E6CF8-FD4B-0658-9997-8DD2EAE64A3D}"/>
          </ac:cxnSpMkLst>
        </pc:cxnChg>
        <pc:cxnChg chg="add mod">
          <ac:chgData name="Bhanu Chander V" userId="146ea9cd-88e8-4270-bc2b-da76f2ce2add" providerId="ADAL" clId="{C0FED1E5-472B-4A68-928D-86CF9751AC69}" dt="2023-02-27T05:53:18.849" v="11878" actId="692"/>
          <ac:cxnSpMkLst>
            <pc:docMk/>
            <pc:sldMk cId="2674034572" sldId="284"/>
            <ac:cxnSpMk id="15" creationId="{7EC91284-FA0F-FB19-D342-2E5DECD2BA74}"/>
          </ac:cxnSpMkLst>
        </pc:cxnChg>
        <pc:cxnChg chg="add mod">
          <ac:chgData name="Bhanu Chander V" userId="146ea9cd-88e8-4270-bc2b-da76f2ce2add" providerId="ADAL" clId="{C0FED1E5-472B-4A68-928D-86CF9751AC69}" dt="2023-02-23T13:11:46.685" v="10024" actId="14100"/>
          <ac:cxnSpMkLst>
            <pc:docMk/>
            <pc:sldMk cId="2674034572" sldId="284"/>
            <ac:cxnSpMk id="24" creationId="{0CE23CA8-1648-F8DD-C636-A4CDB2F5EF5A}"/>
          </ac:cxnSpMkLst>
        </pc:cxnChg>
        <pc:cxnChg chg="add mod">
          <ac:chgData name="Bhanu Chander V" userId="146ea9cd-88e8-4270-bc2b-da76f2ce2add" providerId="ADAL" clId="{C0FED1E5-472B-4A68-928D-86CF9751AC69}" dt="2023-02-23T13:11:50.389" v="10025" actId="14100"/>
          <ac:cxnSpMkLst>
            <pc:docMk/>
            <pc:sldMk cId="2674034572" sldId="284"/>
            <ac:cxnSpMk id="27" creationId="{741498BD-992F-D43F-7935-5058D31315C4}"/>
          </ac:cxnSpMkLst>
        </pc:cxnChg>
        <pc:cxnChg chg="add mod">
          <ac:chgData name="Bhanu Chander V" userId="146ea9cd-88e8-4270-bc2b-da76f2ce2add" providerId="ADAL" clId="{C0FED1E5-472B-4A68-928D-86CF9751AC69}" dt="2023-02-24T04:49:55.179" v="10364" actId="1036"/>
          <ac:cxnSpMkLst>
            <pc:docMk/>
            <pc:sldMk cId="2674034572" sldId="284"/>
            <ac:cxnSpMk id="42" creationId="{5CA45795-785C-56B2-76B7-D308B72EC4F8}"/>
          </ac:cxnSpMkLst>
        </pc:cxnChg>
        <pc:cxnChg chg="add mod">
          <ac:chgData name="Bhanu Chander V" userId="146ea9cd-88e8-4270-bc2b-da76f2ce2add" providerId="ADAL" clId="{C0FED1E5-472B-4A68-928D-86CF9751AC69}" dt="2023-02-24T04:49:55.179" v="10364" actId="1036"/>
          <ac:cxnSpMkLst>
            <pc:docMk/>
            <pc:sldMk cId="2674034572" sldId="284"/>
            <ac:cxnSpMk id="44" creationId="{F44E57EE-A6CB-7412-B611-ECB4592AC311}"/>
          </ac:cxnSpMkLst>
        </pc:cxnChg>
        <pc:cxnChg chg="add mod">
          <ac:chgData name="Bhanu Chander V" userId="146ea9cd-88e8-4270-bc2b-da76f2ce2add" providerId="ADAL" clId="{C0FED1E5-472B-4A68-928D-86CF9751AC69}" dt="2023-02-24T04:49:55.179" v="10364" actId="1036"/>
          <ac:cxnSpMkLst>
            <pc:docMk/>
            <pc:sldMk cId="2674034572" sldId="284"/>
            <ac:cxnSpMk id="53" creationId="{04D6325B-1C85-8E8A-5AD4-9D80A61E9459}"/>
          </ac:cxnSpMkLst>
        </pc:cxnChg>
        <pc:cxnChg chg="add mod">
          <ac:chgData name="Bhanu Chander V" userId="146ea9cd-88e8-4270-bc2b-da76f2ce2add" providerId="ADAL" clId="{C0FED1E5-472B-4A68-928D-86CF9751AC69}" dt="2023-02-24T04:36:00.377" v="10295" actId="14100"/>
          <ac:cxnSpMkLst>
            <pc:docMk/>
            <pc:sldMk cId="2674034572" sldId="284"/>
            <ac:cxnSpMk id="61" creationId="{0A01EBE8-0744-F8FB-78E0-CE5D3D2C7792}"/>
          </ac:cxnSpMkLst>
        </pc:cxnChg>
        <pc:cxnChg chg="add mod">
          <ac:chgData name="Bhanu Chander V" userId="146ea9cd-88e8-4270-bc2b-da76f2ce2add" providerId="ADAL" clId="{C0FED1E5-472B-4A68-928D-86CF9751AC69}" dt="2023-02-24T04:38:17.707" v="10307" actId="14100"/>
          <ac:cxnSpMkLst>
            <pc:docMk/>
            <pc:sldMk cId="2674034572" sldId="284"/>
            <ac:cxnSpMk id="64" creationId="{3ADEF76F-1014-1D49-FF5D-86E0106827AF}"/>
          </ac:cxnSpMkLst>
        </pc:cxnChg>
        <pc:cxnChg chg="add mod">
          <ac:chgData name="Bhanu Chander V" userId="146ea9cd-88e8-4270-bc2b-da76f2ce2add" providerId="ADAL" clId="{C0FED1E5-472B-4A68-928D-86CF9751AC69}" dt="2023-02-24T04:38:28.716" v="10310" actId="14100"/>
          <ac:cxnSpMkLst>
            <pc:docMk/>
            <pc:sldMk cId="2674034572" sldId="284"/>
            <ac:cxnSpMk id="67" creationId="{4EEF457C-0ACF-4CF9-81EC-909D4DC7B952}"/>
          </ac:cxnSpMkLst>
        </pc:cxnChg>
        <pc:cxnChg chg="add mod">
          <ac:chgData name="Bhanu Chander V" userId="146ea9cd-88e8-4270-bc2b-da76f2ce2add" providerId="ADAL" clId="{C0FED1E5-472B-4A68-928D-86CF9751AC69}" dt="2023-02-24T04:39:23.851" v="10317" actId="14100"/>
          <ac:cxnSpMkLst>
            <pc:docMk/>
            <pc:sldMk cId="2674034572" sldId="284"/>
            <ac:cxnSpMk id="70" creationId="{7DB1EEB8-F227-A04E-4F01-F7A2C7F5EBD5}"/>
          </ac:cxnSpMkLst>
        </pc:cxnChg>
        <pc:cxnChg chg="add mod">
          <ac:chgData name="Bhanu Chander V" userId="146ea9cd-88e8-4270-bc2b-da76f2ce2add" providerId="ADAL" clId="{C0FED1E5-472B-4A68-928D-86CF9751AC69}" dt="2023-02-24T04:39:00.636" v="10316" actId="14100"/>
          <ac:cxnSpMkLst>
            <pc:docMk/>
            <pc:sldMk cId="2674034572" sldId="284"/>
            <ac:cxnSpMk id="73" creationId="{26FBBFA4-BCBD-5050-08E3-7D2861C95574}"/>
          </ac:cxnSpMkLst>
        </pc:cxnChg>
      </pc:sldChg>
      <pc:sldChg chg="addSp modSp new mod ord modAnim">
        <pc:chgData name="Bhanu Chander V" userId="146ea9cd-88e8-4270-bc2b-da76f2ce2add" providerId="ADAL" clId="{C0FED1E5-472B-4A68-928D-86CF9751AC69}" dt="2023-04-10T14:30:29.631" v="13230"/>
        <pc:sldMkLst>
          <pc:docMk/>
          <pc:sldMk cId="1829274333" sldId="285"/>
        </pc:sldMkLst>
        <pc:spChg chg="add mod">
          <ac:chgData name="Bhanu Chander V" userId="146ea9cd-88e8-4270-bc2b-da76f2ce2add" providerId="ADAL" clId="{C0FED1E5-472B-4A68-928D-86CF9751AC69}" dt="2023-02-24T05:07:49.447" v="10511" actId="404"/>
          <ac:spMkLst>
            <pc:docMk/>
            <pc:sldMk cId="1829274333" sldId="285"/>
            <ac:spMk id="3" creationId="{FCB79B68-AA74-D514-32BF-90D0FA747F78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6" creationId="{12A0C8CE-7540-4D19-E172-1069DCB2F7AC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7" creationId="{C6008757-BE75-3062-6672-0AF582A58F06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9" creationId="{B6CDF15D-9601-721F-6C35-960BEDB381BC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11" creationId="{837435D3-3450-BFD2-A4D7-D38DA8169917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12" creationId="{8798B5AD-A966-7B6C-71AA-E3526E6B6AEF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14" creationId="{E1E04288-9A05-A175-DC05-622615E39F96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15" creationId="{9DA1FD13-39C3-CB81-DAEF-5F3EC7688E34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16" creationId="{71C54FE5-4C17-018F-C706-C39D7B684126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17" creationId="{F0D0A63F-3E81-728D-446E-0ABEAC93025D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18" creationId="{A28EB96E-E87F-820F-BE67-6C92BADBA140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19" creationId="{A82D675F-E61A-D4F6-03BF-D9BCB38533CA}"/>
          </ac:spMkLst>
        </pc:spChg>
        <pc:spChg chg="add mod">
          <ac:chgData name="Bhanu Chander V" userId="146ea9cd-88e8-4270-bc2b-da76f2ce2add" providerId="ADAL" clId="{C0FED1E5-472B-4A68-928D-86CF9751AC69}" dt="2023-02-24T05:16:59.208" v="10658" actId="1076"/>
          <ac:spMkLst>
            <pc:docMk/>
            <pc:sldMk cId="1829274333" sldId="285"/>
            <ac:spMk id="22" creationId="{EEAF6D0C-6A9A-C406-15BF-F6FD09E17906}"/>
          </ac:spMkLst>
        </pc:spChg>
        <pc:spChg chg="add mod">
          <ac:chgData name="Bhanu Chander V" userId="146ea9cd-88e8-4270-bc2b-da76f2ce2add" providerId="ADAL" clId="{C0FED1E5-472B-4A68-928D-86CF9751AC69}" dt="2023-02-24T05:11:34.376" v="10632" actId="1076"/>
          <ac:spMkLst>
            <pc:docMk/>
            <pc:sldMk cId="1829274333" sldId="285"/>
            <ac:spMk id="23" creationId="{E0E8A2D4-B636-75C5-D60F-4B79BFA5D42F}"/>
          </ac:spMkLst>
        </pc:spChg>
        <pc:graphicFrameChg chg="add mod">
          <ac:chgData name="Bhanu Chander V" userId="146ea9cd-88e8-4270-bc2b-da76f2ce2add" providerId="ADAL" clId="{C0FED1E5-472B-4A68-928D-86CF9751AC69}" dt="2023-02-24T05:06:36.443" v="10493"/>
          <ac:graphicFrameMkLst>
            <pc:docMk/>
            <pc:sldMk cId="1829274333" sldId="285"/>
            <ac:graphicFrameMk id="2" creationId="{D8E22BFE-54E6-3622-77B3-167A73E1750A}"/>
          </ac:graphicFrameMkLst>
        </pc:graphicFrameChg>
        <pc:picChg chg="add mod">
          <ac:chgData name="Bhanu Chander V" userId="146ea9cd-88e8-4270-bc2b-da76f2ce2add" providerId="ADAL" clId="{C0FED1E5-472B-4A68-928D-86CF9751AC69}" dt="2023-02-24T05:16:59.208" v="10658" actId="1076"/>
          <ac:picMkLst>
            <pc:docMk/>
            <pc:sldMk cId="1829274333" sldId="285"/>
            <ac:picMk id="5" creationId="{B643ADB2-C451-C8A1-FBC0-7AA204A681CD}"/>
          </ac:picMkLst>
        </pc:picChg>
        <pc:picChg chg="add mod modCrop">
          <ac:chgData name="Bhanu Chander V" userId="146ea9cd-88e8-4270-bc2b-da76f2ce2add" providerId="ADAL" clId="{C0FED1E5-472B-4A68-928D-86CF9751AC69}" dt="2023-02-24T05:17:02.206" v="10659" actId="1076"/>
          <ac:picMkLst>
            <pc:docMk/>
            <pc:sldMk cId="1829274333" sldId="285"/>
            <ac:picMk id="25" creationId="{4507E1DC-7335-D963-F376-8A5E9598BD5A}"/>
          </ac:picMkLst>
        </pc:picChg>
        <pc:picChg chg="add mod">
          <ac:chgData name="Bhanu Chander V" userId="146ea9cd-88e8-4270-bc2b-da76f2ce2add" providerId="ADAL" clId="{C0FED1E5-472B-4A68-928D-86CF9751AC69}" dt="2023-02-24T05:17:08.059" v="10660" actId="1076"/>
          <ac:picMkLst>
            <pc:docMk/>
            <pc:sldMk cId="1829274333" sldId="285"/>
            <ac:picMk id="27" creationId="{756FEBC1-6A2A-384F-38B5-B6AFA0763AE8}"/>
          </ac:picMkLst>
        </pc:picChg>
        <pc:cxnChg chg="add mod">
          <ac:chgData name="Bhanu Chander V" userId="146ea9cd-88e8-4270-bc2b-da76f2ce2add" providerId="ADAL" clId="{C0FED1E5-472B-4A68-928D-86CF9751AC69}" dt="2023-02-24T05:06:36.443" v="10493"/>
          <ac:cxnSpMkLst>
            <pc:docMk/>
            <pc:sldMk cId="1829274333" sldId="285"/>
            <ac:cxnSpMk id="4" creationId="{9153713E-2C3F-9A17-D9DF-BE8C63B51E1E}"/>
          </ac:cxnSpMkLst>
        </pc:cxnChg>
        <pc:cxnChg chg="add mod">
          <ac:chgData name="Bhanu Chander V" userId="146ea9cd-88e8-4270-bc2b-da76f2ce2add" providerId="ADAL" clId="{C0FED1E5-472B-4A68-928D-86CF9751AC69}" dt="2023-02-24T05:16:59.208" v="10658" actId="1076"/>
          <ac:cxnSpMkLst>
            <pc:docMk/>
            <pc:sldMk cId="1829274333" sldId="285"/>
            <ac:cxnSpMk id="8" creationId="{AB04BEDE-56B5-E970-2CA5-A1E3C0BD6B5C}"/>
          </ac:cxnSpMkLst>
        </pc:cxnChg>
        <pc:cxnChg chg="add mod">
          <ac:chgData name="Bhanu Chander V" userId="146ea9cd-88e8-4270-bc2b-da76f2ce2add" providerId="ADAL" clId="{C0FED1E5-472B-4A68-928D-86CF9751AC69}" dt="2023-02-24T05:16:59.208" v="10658" actId="1076"/>
          <ac:cxnSpMkLst>
            <pc:docMk/>
            <pc:sldMk cId="1829274333" sldId="285"/>
            <ac:cxnSpMk id="10" creationId="{044114BA-8331-E148-887F-B63F5B78DFA3}"/>
          </ac:cxnSpMkLst>
        </pc:cxnChg>
        <pc:cxnChg chg="add mod">
          <ac:chgData name="Bhanu Chander V" userId="146ea9cd-88e8-4270-bc2b-da76f2ce2add" providerId="ADAL" clId="{C0FED1E5-472B-4A68-928D-86CF9751AC69}" dt="2023-02-24T05:16:59.208" v="10658" actId="1076"/>
          <ac:cxnSpMkLst>
            <pc:docMk/>
            <pc:sldMk cId="1829274333" sldId="285"/>
            <ac:cxnSpMk id="13" creationId="{43DAC802-5203-D203-052B-13DA748C7BD7}"/>
          </ac:cxnSpMkLst>
        </pc:cxnChg>
        <pc:cxnChg chg="add mod">
          <ac:chgData name="Bhanu Chander V" userId="146ea9cd-88e8-4270-bc2b-da76f2ce2add" providerId="ADAL" clId="{C0FED1E5-472B-4A68-928D-86CF9751AC69}" dt="2023-02-24T05:16:59.208" v="10658" actId="1076"/>
          <ac:cxnSpMkLst>
            <pc:docMk/>
            <pc:sldMk cId="1829274333" sldId="285"/>
            <ac:cxnSpMk id="21" creationId="{F44AAF8F-B0AE-DD53-7AFC-273D92667138}"/>
          </ac:cxnSpMkLst>
        </pc:cxnChg>
      </pc:sldChg>
      <pc:sldChg chg="new del">
        <pc:chgData name="Bhanu Chander V" userId="146ea9cd-88e8-4270-bc2b-da76f2ce2add" providerId="ADAL" clId="{C0FED1E5-472B-4A68-928D-86CF9751AC69}" dt="2023-02-24T05:18:33.176" v="10665" actId="47"/>
        <pc:sldMkLst>
          <pc:docMk/>
          <pc:sldMk cId="3491264060" sldId="286"/>
        </pc:sldMkLst>
      </pc:sldChg>
      <pc:sldChg chg="addSp delSp modSp add mod ord delAnim modAnim">
        <pc:chgData name="Bhanu Chander V" userId="146ea9cd-88e8-4270-bc2b-da76f2ce2add" providerId="ADAL" clId="{C0FED1E5-472B-4A68-928D-86CF9751AC69}" dt="2023-02-24T12:04:26.412" v="11779" actId="20577"/>
        <pc:sldMkLst>
          <pc:docMk/>
          <pc:sldMk cId="2700471063" sldId="287"/>
        </pc:sldMkLst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2" creationId="{39FC2730-2E69-711A-C432-A1BA9D37C5D0}"/>
          </ac:spMkLst>
        </pc:spChg>
        <pc:spChg chg="mod">
          <ac:chgData name="Bhanu Chander V" userId="146ea9cd-88e8-4270-bc2b-da76f2ce2add" providerId="ADAL" clId="{C0FED1E5-472B-4A68-928D-86CF9751AC69}" dt="2023-02-24T12:01:19.337" v="11734" actId="1076"/>
          <ac:spMkLst>
            <pc:docMk/>
            <pc:sldMk cId="2700471063" sldId="287"/>
            <ac:spMk id="5" creationId="{00B53052-B705-23D1-55AC-18B0D285B20E}"/>
          </ac:spMkLst>
        </pc:spChg>
        <pc:spChg chg="mod">
          <ac:chgData name="Bhanu Chander V" userId="146ea9cd-88e8-4270-bc2b-da76f2ce2add" providerId="ADAL" clId="{C0FED1E5-472B-4A68-928D-86CF9751AC69}" dt="2023-02-24T05:18:51.675" v="10693" actId="20577"/>
          <ac:spMkLst>
            <pc:docMk/>
            <pc:sldMk cId="2700471063" sldId="287"/>
            <ac:spMk id="6" creationId="{E3DD631E-FF87-CF84-4863-561057D0580E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7" creationId="{DC7B4454-80EA-CFA7-F7E6-659ED789E999}"/>
          </ac:spMkLst>
        </pc:spChg>
        <pc:spChg chg="add mod">
          <ac:chgData name="Bhanu Chander V" userId="146ea9cd-88e8-4270-bc2b-da76f2ce2add" providerId="ADAL" clId="{C0FED1E5-472B-4A68-928D-86CF9751AC69}" dt="2023-02-24T12:01:19.337" v="11734" actId="1076"/>
          <ac:spMkLst>
            <pc:docMk/>
            <pc:sldMk cId="2700471063" sldId="287"/>
            <ac:spMk id="8" creationId="{110B70B4-6526-6442-5F0E-DE508B0C7785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9" creationId="{DF24CE05-B7D0-B01C-4EA3-65D1638CC6DC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10" creationId="{E9A7B550-1D12-A808-20A6-A15EE2A94555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11" creationId="{A7FCBDEA-5F2C-FAAC-B6D3-9E1FA72FD54D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12" creationId="{B92C3C41-8AF1-147A-AF65-FDFBA6F8C612}"/>
          </ac:spMkLst>
        </pc:spChg>
        <pc:spChg chg="del">
          <ac:chgData name="Bhanu Chander V" userId="146ea9cd-88e8-4270-bc2b-da76f2ce2add" providerId="ADAL" clId="{C0FED1E5-472B-4A68-928D-86CF9751AC69}" dt="2023-02-24T05:19:29.387" v="10699" actId="478"/>
          <ac:spMkLst>
            <pc:docMk/>
            <pc:sldMk cId="2700471063" sldId="287"/>
            <ac:spMk id="13" creationId="{8EA05C05-A643-30D8-8347-3A30FD3A6457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14" creationId="{BA1675EF-8427-D1EC-352E-1C04F44D9FA0}"/>
          </ac:spMkLst>
        </pc:spChg>
        <pc:spChg chg="del">
          <ac:chgData name="Bhanu Chander V" userId="146ea9cd-88e8-4270-bc2b-da76f2ce2add" providerId="ADAL" clId="{C0FED1E5-472B-4A68-928D-86CF9751AC69}" dt="2023-02-24T05:19:29.387" v="10699" actId="478"/>
          <ac:spMkLst>
            <pc:docMk/>
            <pc:sldMk cId="2700471063" sldId="287"/>
            <ac:spMk id="15" creationId="{3AFB2DB3-0CF3-721E-633F-004CF3957D1A}"/>
          </ac:spMkLst>
        </pc:spChg>
        <pc:spChg chg="del">
          <ac:chgData name="Bhanu Chander V" userId="146ea9cd-88e8-4270-bc2b-da76f2ce2add" providerId="ADAL" clId="{C0FED1E5-472B-4A68-928D-86CF9751AC69}" dt="2023-02-24T05:19:29.387" v="10699" actId="478"/>
          <ac:spMkLst>
            <pc:docMk/>
            <pc:sldMk cId="2700471063" sldId="287"/>
            <ac:spMk id="16" creationId="{02AA7FD5-E077-B9D3-4269-884320A64AD6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28" creationId="{C5831212-9630-A468-7321-72B77CEE44FE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29" creationId="{7CD6C8DE-4D38-CE2C-0663-73550BFBEBAD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30" creationId="{80580850-7C96-8841-89C7-1DB5B5178871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31" creationId="{59DF71E7-60BB-2D32-0F59-652F99C30A1C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35" creationId="{0DE85E6B-9562-250F-8ED5-C1897507CF9D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36" creationId="{0068F711-2887-ECE7-8228-E19350874CB3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38" creationId="{C4889E45-9958-36A6-35FC-FA44963B9348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40" creationId="{6C590674-F099-19F7-4BFA-980147A40A9E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41" creationId="{9A8F8D22-ABD9-C5FE-5519-02BD31D80252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43" creationId="{6E46FEEB-F7E3-9B45-F862-05AC07F0E92A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44" creationId="{A1823204-CEF0-AC12-D3C7-BEBB9B23CDDC}"/>
          </ac:spMkLst>
        </pc:spChg>
        <pc:spChg chg="add mod">
          <ac:chgData name="Bhanu Chander V" userId="146ea9cd-88e8-4270-bc2b-da76f2ce2add" providerId="ADAL" clId="{C0FED1E5-472B-4A68-928D-86CF9751AC69}" dt="2023-02-24T12:01:23.270" v="11735" actId="1076"/>
          <ac:spMkLst>
            <pc:docMk/>
            <pc:sldMk cId="2700471063" sldId="287"/>
            <ac:spMk id="47" creationId="{B18F2F8E-211E-65E9-9DD7-111B6AB96438}"/>
          </ac:spMkLst>
        </pc:spChg>
        <pc:spChg chg="add mod">
          <ac:chgData name="Bhanu Chander V" userId="146ea9cd-88e8-4270-bc2b-da76f2ce2add" providerId="ADAL" clId="{C0FED1E5-472B-4A68-928D-86CF9751AC69}" dt="2023-02-24T12:04:26.412" v="11779" actId="20577"/>
          <ac:spMkLst>
            <pc:docMk/>
            <pc:sldMk cId="2700471063" sldId="287"/>
            <ac:spMk id="48" creationId="{545CEC02-59F4-65B4-4658-AB984D7AAAA9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56" creationId="{29779B0F-957C-6466-13E7-4CB20E05B2D0}"/>
          </ac:spMkLst>
        </pc:spChg>
        <pc:spChg chg="del">
          <ac:chgData name="Bhanu Chander V" userId="146ea9cd-88e8-4270-bc2b-da76f2ce2add" providerId="ADAL" clId="{C0FED1E5-472B-4A68-928D-86CF9751AC69}" dt="2023-02-24T05:19:15.915" v="10697" actId="478"/>
          <ac:spMkLst>
            <pc:docMk/>
            <pc:sldMk cId="2700471063" sldId="287"/>
            <ac:spMk id="57" creationId="{621F3870-0D37-E394-5297-5CA7A8032568}"/>
          </ac:spMkLst>
        </pc:spChg>
        <pc:graphicFrameChg chg="del mod">
          <ac:chgData name="Bhanu Chander V" userId="146ea9cd-88e8-4270-bc2b-da76f2ce2add" providerId="ADAL" clId="{C0FED1E5-472B-4A68-928D-86CF9751AC69}" dt="2023-02-24T05:19:06.611" v="10696" actId="478"/>
          <ac:graphicFrameMkLst>
            <pc:docMk/>
            <pc:sldMk cId="2700471063" sldId="287"/>
            <ac:graphicFrameMk id="4" creationId="{187BEB43-C215-E966-CCEB-F3FDC2F80C2A}"/>
          </ac:graphicFrameMkLst>
        </pc:graphicFrameChg>
        <pc:graphicFrameChg chg="del">
          <ac:chgData name="Bhanu Chander V" userId="146ea9cd-88e8-4270-bc2b-da76f2ce2add" providerId="ADAL" clId="{C0FED1E5-472B-4A68-928D-86CF9751AC69}" dt="2023-02-24T05:19:15.915" v="10697" actId="478"/>
          <ac:graphicFrameMkLst>
            <pc:docMk/>
            <pc:sldMk cId="2700471063" sldId="287"/>
            <ac:graphicFrameMk id="39" creationId="{8CEDC57A-5ED9-8FA4-757D-23095AF68F17}"/>
          </ac:graphicFrameMkLst>
        </pc:graphicFrameChg>
        <pc:picChg chg="add mod">
          <ac:chgData name="Bhanu Chander V" userId="146ea9cd-88e8-4270-bc2b-da76f2ce2add" providerId="ADAL" clId="{C0FED1E5-472B-4A68-928D-86CF9751AC69}" dt="2023-02-24T12:01:10.487" v="11733" actId="1076"/>
          <ac:picMkLst>
            <pc:docMk/>
            <pc:sldMk cId="2700471063" sldId="287"/>
            <ac:picMk id="20" creationId="{34EA0937-DD38-605C-E7D3-29A67B7DE670}"/>
          </ac:picMkLst>
        </pc:picChg>
        <pc:picChg chg="add mod">
          <ac:chgData name="Bhanu Chander V" userId="146ea9cd-88e8-4270-bc2b-da76f2ce2add" providerId="ADAL" clId="{C0FED1E5-472B-4A68-928D-86CF9751AC69}" dt="2023-02-24T12:01:10.487" v="11733" actId="1076"/>
          <ac:picMkLst>
            <pc:docMk/>
            <pc:sldMk cId="2700471063" sldId="287"/>
            <ac:picMk id="46" creationId="{02914CD3-0BC5-25FC-7C6B-F3971B80FBE0}"/>
          </ac:picMkLst>
        </pc:picChg>
        <pc:cxnChg chg="del">
          <ac:chgData name="Bhanu Chander V" userId="146ea9cd-88e8-4270-bc2b-da76f2ce2add" providerId="ADAL" clId="{C0FED1E5-472B-4A68-928D-86CF9751AC69}" dt="2023-02-24T05:19:15.915" v="10697" actId="478"/>
          <ac:cxnSpMkLst>
            <pc:docMk/>
            <pc:sldMk cId="2700471063" sldId="287"/>
            <ac:cxnSpMk id="18" creationId="{4675C58F-D184-0EDA-5CF0-286C908F7021}"/>
          </ac:cxnSpMkLst>
        </pc:cxnChg>
        <pc:cxnChg chg="del">
          <ac:chgData name="Bhanu Chander V" userId="146ea9cd-88e8-4270-bc2b-da76f2ce2add" providerId="ADAL" clId="{C0FED1E5-472B-4A68-928D-86CF9751AC69}" dt="2023-02-24T05:19:15.915" v="10697" actId="478"/>
          <ac:cxnSpMkLst>
            <pc:docMk/>
            <pc:sldMk cId="2700471063" sldId="287"/>
            <ac:cxnSpMk id="19" creationId="{BAC888F2-AFA3-F0DA-4929-E79ADA5B00B5}"/>
          </ac:cxnSpMkLst>
        </pc:cxnChg>
        <pc:cxnChg chg="del">
          <ac:chgData name="Bhanu Chander V" userId="146ea9cd-88e8-4270-bc2b-da76f2ce2add" providerId="ADAL" clId="{C0FED1E5-472B-4A68-928D-86CF9751AC69}" dt="2023-02-24T05:19:15.915" v="10697" actId="478"/>
          <ac:cxnSpMkLst>
            <pc:docMk/>
            <pc:sldMk cId="2700471063" sldId="287"/>
            <ac:cxnSpMk id="22" creationId="{DBEDB96F-DD2D-FD93-1711-AF6D315A75ED}"/>
          </ac:cxnSpMkLst>
        </pc:cxnChg>
        <pc:cxnChg chg="add mod">
          <ac:chgData name="Bhanu Chander V" userId="146ea9cd-88e8-4270-bc2b-da76f2ce2add" providerId="ADAL" clId="{C0FED1E5-472B-4A68-928D-86CF9751AC69}" dt="2023-02-24T12:01:10.487" v="11733" actId="1076"/>
          <ac:cxnSpMkLst>
            <pc:docMk/>
            <pc:sldMk cId="2700471063" sldId="287"/>
            <ac:cxnSpMk id="23" creationId="{9EB8D9A4-191D-08F5-0B55-486D4B6A6310}"/>
          </ac:cxnSpMkLst>
        </pc:cxnChg>
        <pc:cxnChg chg="del">
          <ac:chgData name="Bhanu Chander V" userId="146ea9cd-88e8-4270-bc2b-da76f2ce2add" providerId="ADAL" clId="{C0FED1E5-472B-4A68-928D-86CF9751AC69}" dt="2023-02-24T05:19:15.915" v="10697" actId="478"/>
          <ac:cxnSpMkLst>
            <pc:docMk/>
            <pc:sldMk cId="2700471063" sldId="287"/>
            <ac:cxnSpMk id="25" creationId="{31FC494F-22C3-0317-4A6B-6005F51961E8}"/>
          </ac:cxnSpMkLst>
        </pc:cxnChg>
        <pc:cxnChg chg="add mod">
          <ac:chgData name="Bhanu Chander V" userId="146ea9cd-88e8-4270-bc2b-da76f2ce2add" providerId="ADAL" clId="{C0FED1E5-472B-4A68-928D-86CF9751AC69}" dt="2023-02-24T12:01:10.487" v="11733" actId="1076"/>
          <ac:cxnSpMkLst>
            <pc:docMk/>
            <pc:sldMk cId="2700471063" sldId="287"/>
            <ac:cxnSpMk id="27" creationId="{5FE1ED55-76E9-542D-93BB-8A853444039E}"/>
          </ac:cxnSpMkLst>
        </pc:cxnChg>
        <pc:cxnChg chg="del">
          <ac:chgData name="Bhanu Chander V" userId="146ea9cd-88e8-4270-bc2b-da76f2ce2add" providerId="ADAL" clId="{C0FED1E5-472B-4A68-928D-86CF9751AC69}" dt="2023-02-24T05:19:15.915" v="10697" actId="478"/>
          <ac:cxnSpMkLst>
            <pc:docMk/>
            <pc:sldMk cId="2700471063" sldId="287"/>
            <ac:cxnSpMk id="32" creationId="{1ACA53EA-DBA6-E95F-5E1C-C14F95D6E23F}"/>
          </ac:cxnSpMkLst>
        </pc:cxnChg>
        <pc:cxnChg chg="del">
          <ac:chgData name="Bhanu Chander V" userId="146ea9cd-88e8-4270-bc2b-da76f2ce2add" providerId="ADAL" clId="{C0FED1E5-472B-4A68-928D-86CF9751AC69}" dt="2023-02-24T05:19:15.915" v="10697" actId="478"/>
          <ac:cxnSpMkLst>
            <pc:docMk/>
            <pc:sldMk cId="2700471063" sldId="287"/>
            <ac:cxnSpMk id="33" creationId="{67511F04-A7CC-488D-8C4B-471F6EA2F0DE}"/>
          </ac:cxnSpMkLst>
        </pc:cxnChg>
        <pc:cxnChg chg="del mod">
          <ac:chgData name="Bhanu Chander V" userId="146ea9cd-88e8-4270-bc2b-da76f2ce2add" providerId="ADAL" clId="{C0FED1E5-472B-4A68-928D-86CF9751AC69}" dt="2023-02-24T05:19:15.915" v="10697" actId="478"/>
          <ac:cxnSpMkLst>
            <pc:docMk/>
            <pc:sldMk cId="2700471063" sldId="287"/>
            <ac:cxnSpMk id="45" creationId="{E99F8CB3-6591-4E79-A69E-590C457A1B40}"/>
          </ac:cxnSpMkLst>
        </pc:cxnChg>
        <pc:cxnChg chg="del">
          <ac:chgData name="Bhanu Chander V" userId="146ea9cd-88e8-4270-bc2b-da76f2ce2add" providerId="ADAL" clId="{C0FED1E5-472B-4A68-928D-86CF9751AC69}" dt="2023-02-24T05:19:15.915" v="10697" actId="478"/>
          <ac:cxnSpMkLst>
            <pc:docMk/>
            <pc:sldMk cId="2700471063" sldId="287"/>
            <ac:cxnSpMk id="50" creationId="{29062B8D-8AE8-4C13-C82C-89CB4DB1BE2B}"/>
          </ac:cxnSpMkLst>
        </pc:cxnChg>
      </pc:sldChg>
      <pc:sldChg chg="addSp delSp modSp add mod ord delAnim modAnim">
        <pc:chgData name="Bhanu Chander V" userId="146ea9cd-88e8-4270-bc2b-da76f2ce2add" providerId="ADAL" clId="{C0FED1E5-472B-4A68-928D-86CF9751AC69}" dt="2023-04-11T05:58:00.169" v="13887"/>
        <pc:sldMkLst>
          <pc:docMk/>
          <pc:sldMk cId="734890288" sldId="288"/>
        </pc:sldMkLst>
        <pc:spChg chg="mod">
          <ac:chgData name="Bhanu Chander V" userId="146ea9cd-88e8-4270-bc2b-da76f2ce2add" providerId="ADAL" clId="{C0FED1E5-472B-4A68-928D-86CF9751AC69}" dt="2023-02-24T05:21:54.462" v="10806" actId="20577"/>
          <ac:spMkLst>
            <pc:docMk/>
            <pc:sldMk cId="734890288" sldId="288"/>
            <ac:spMk id="5" creationId="{13E2A397-14C0-48AF-06BB-588DA8E89C71}"/>
          </ac:spMkLst>
        </pc:spChg>
        <pc:spChg chg="mod">
          <ac:chgData name="Bhanu Chander V" userId="146ea9cd-88e8-4270-bc2b-da76f2ce2add" providerId="ADAL" clId="{C0FED1E5-472B-4A68-928D-86CF9751AC69}" dt="2023-02-24T10:57:48.074" v="11462" actId="1076"/>
          <ac:spMkLst>
            <pc:docMk/>
            <pc:sldMk cId="734890288" sldId="288"/>
            <ac:spMk id="6" creationId="{FB31B0A9-80A3-4575-5485-4B414D609A04}"/>
          </ac:spMkLst>
        </pc:spChg>
        <pc:spChg chg="mod">
          <ac:chgData name="Bhanu Chander V" userId="146ea9cd-88e8-4270-bc2b-da76f2ce2add" providerId="ADAL" clId="{C0FED1E5-472B-4A68-928D-86CF9751AC69}" dt="2023-02-24T05:21:24.130" v="10792" actId="20577"/>
          <ac:spMkLst>
            <pc:docMk/>
            <pc:sldMk cId="734890288" sldId="288"/>
            <ac:spMk id="7" creationId="{A6203CAE-5984-8AA0-F86B-E70B9A7DEC8A}"/>
          </ac:spMkLst>
        </pc:spChg>
        <pc:spChg chg="del">
          <ac:chgData name="Bhanu Chander V" userId="146ea9cd-88e8-4270-bc2b-da76f2ce2add" providerId="ADAL" clId="{C0FED1E5-472B-4A68-928D-86CF9751AC69}" dt="2023-02-24T05:21:33.938" v="10793" actId="478"/>
          <ac:spMkLst>
            <pc:docMk/>
            <pc:sldMk cId="734890288" sldId="288"/>
            <ac:spMk id="10" creationId="{652F3228-EAD8-B063-A700-2FAA4E9F90B8}"/>
          </ac:spMkLst>
        </pc:spChg>
        <pc:spChg chg="del mod">
          <ac:chgData name="Bhanu Chander V" userId="146ea9cd-88e8-4270-bc2b-da76f2ce2add" providerId="ADAL" clId="{C0FED1E5-472B-4A68-928D-86CF9751AC69}" dt="2023-02-24T05:21:37.466" v="10795" actId="478"/>
          <ac:spMkLst>
            <pc:docMk/>
            <pc:sldMk cId="734890288" sldId="288"/>
            <ac:spMk id="11" creationId="{6F949D5A-F42C-5A0D-3745-DDB24E8CA2CC}"/>
          </ac:spMkLst>
        </pc:spChg>
        <pc:spChg chg="add mod">
          <ac:chgData name="Bhanu Chander V" userId="146ea9cd-88e8-4270-bc2b-da76f2ce2add" providerId="ADAL" clId="{C0FED1E5-472B-4A68-928D-86CF9751AC69}" dt="2023-02-24T10:57:48.074" v="11462" actId="1076"/>
          <ac:spMkLst>
            <pc:docMk/>
            <pc:sldMk cId="734890288" sldId="288"/>
            <ac:spMk id="12" creationId="{6E1E9A67-1F9F-44D4-F4B3-7C357FC01AE0}"/>
          </ac:spMkLst>
        </pc:spChg>
        <pc:spChg chg="add mod">
          <ac:chgData name="Bhanu Chander V" userId="146ea9cd-88e8-4270-bc2b-da76f2ce2add" providerId="ADAL" clId="{C0FED1E5-472B-4A68-928D-86CF9751AC69}" dt="2023-02-24T10:57:48.074" v="11462" actId="1076"/>
          <ac:spMkLst>
            <pc:docMk/>
            <pc:sldMk cId="734890288" sldId="288"/>
            <ac:spMk id="13" creationId="{5F73404C-600C-E069-9C9D-16A0C7BA7B98}"/>
          </ac:spMkLst>
        </pc:spChg>
        <pc:spChg chg="add mod">
          <ac:chgData name="Bhanu Chander V" userId="146ea9cd-88e8-4270-bc2b-da76f2ce2add" providerId="ADAL" clId="{C0FED1E5-472B-4A68-928D-86CF9751AC69}" dt="2023-02-24T10:57:48.074" v="11462" actId="1076"/>
          <ac:spMkLst>
            <pc:docMk/>
            <pc:sldMk cId="734890288" sldId="288"/>
            <ac:spMk id="14" creationId="{0340A6F1-8736-615D-B41E-BDC0B4891011}"/>
          </ac:spMkLst>
        </pc:spChg>
        <pc:spChg chg="add mod">
          <ac:chgData name="Bhanu Chander V" userId="146ea9cd-88e8-4270-bc2b-da76f2ce2add" providerId="ADAL" clId="{C0FED1E5-472B-4A68-928D-86CF9751AC69}" dt="2023-02-24T10:57:48.074" v="11462" actId="1076"/>
          <ac:spMkLst>
            <pc:docMk/>
            <pc:sldMk cId="734890288" sldId="288"/>
            <ac:spMk id="15" creationId="{762E30FE-0668-5EBD-7B85-0DADC6F20369}"/>
          </ac:spMkLst>
        </pc:spChg>
        <pc:spChg chg="add mod">
          <ac:chgData name="Bhanu Chander V" userId="146ea9cd-88e8-4270-bc2b-da76f2ce2add" providerId="ADAL" clId="{C0FED1E5-472B-4A68-928D-86CF9751AC69}" dt="2023-02-24T10:57:48.074" v="11462" actId="1076"/>
          <ac:spMkLst>
            <pc:docMk/>
            <pc:sldMk cId="734890288" sldId="288"/>
            <ac:spMk id="16" creationId="{66DC49BA-8561-51B4-4B60-9A5996C68EBC}"/>
          </ac:spMkLst>
        </pc:spChg>
        <pc:spChg chg="add mod">
          <ac:chgData name="Bhanu Chander V" userId="146ea9cd-88e8-4270-bc2b-da76f2ce2add" providerId="ADAL" clId="{C0FED1E5-472B-4A68-928D-86CF9751AC69}" dt="2023-02-24T10:57:48.074" v="11462" actId="1076"/>
          <ac:spMkLst>
            <pc:docMk/>
            <pc:sldMk cId="734890288" sldId="288"/>
            <ac:spMk id="17" creationId="{C8E4755F-D2D4-FAD0-D8DD-7F3AA5A98C18}"/>
          </ac:spMkLst>
        </pc:spChg>
        <pc:spChg chg="add mod">
          <ac:chgData name="Bhanu Chander V" userId="146ea9cd-88e8-4270-bc2b-da76f2ce2add" providerId="ADAL" clId="{C0FED1E5-472B-4A68-928D-86CF9751AC69}" dt="2023-02-24T11:08:13.727" v="11499" actId="20577"/>
          <ac:spMkLst>
            <pc:docMk/>
            <pc:sldMk cId="734890288" sldId="288"/>
            <ac:spMk id="18" creationId="{C6AEA31F-2805-76D4-9754-E2167FE477BB}"/>
          </ac:spMkLst>
        </pc:spChg>
        <pc:spChg chg="add mod">
          <ac:chgData name="Bhanu Chander V" userId="146ea9cd-88e8-4270-bc2b-da76f2ce2add" providerId="ADAL" clId="{C0FED1E5-472B-4A68-928D-86CF9751AC69}" dt="2023-02-24T11:08:09.419" v="11498" actId="20577"/>
          <ac:spMkLst>
            <pc:docMk/>
            <pc:sldMk cId="734890288" sldId="288"/>
            <ac:spMk id="19" creationId="{E9D96810-2F2E-87B6-2727-A9A19BB4849A}"/>
          </ac:spMkLst>
        </pc:spChg>
        <pc:spChg chg="add mod">
          <ac:chgData name="Bhanu Chander V" userId="146ea9cd-88e8-4270-bc2b-da76f2ce2add" providerId="ADAL" clId="{C0FED1E5-472B-4A68-928D-86CF9751AC69}" dt="2023-02-24T11:08:55.104" v="11510" actId="14100"/>
          <ac:spMkLst>
            <pc:docMk/>
            <pc:sldMk cId="734890288" sldId="288"/>
            <ac:spMk id="20" creationId="{46582B5E-2272-3341-5BBF-0ECE97110591}"/>
          </ac:spMkLst>
        </pc:spChg>
        <pc:graphicFrameChg chg="add mod">
          <ac:chgData name="Bhanu Chander V" userId="146ea9cd-88e8-4270-bc2b-da76f2ce2add" providerId="ADAL" clId="{C0FED1E5-472B-4A68-928D-86CF9751AC69}" dt="2023-02-24T05:21:00.099" v="10755"/>
          <ac:graphicFrameMkLst>
            <pc:docMk/>
            <pc:sldMk cId="734890288" sldId="288"/>
            <ac:graphicFrameMk id="2" creationId="{7254042A-A7A2-C8BB-3EE2-F05E3A07CF9A}"/>
          </ac:graphicFrameMkLst>
        </pc:graphicFrameChg>
        <pc:graphicFrameChg chg="del">
          <ac:chgData name="Bhanu Chander V" userId="146ea9cd-88e8-4270-bc2b-da76f2ce2add" providerId="ADAL" clId="{C0FED1E5-472B-4A68-928D-86CF9751AC69}" dt="2023-02-24T05:20:59.281" v="10754" actId="478"/>
          <ac:graphicFrameMkLst>
            <pc:docMk/>
            <pc:sldMk cId="734890288" sldId="288"/>
            <ac:graphicFrameMk id="4" creationId="{D780619A-B182-EE12-B6E9-28D7AD5D55E0}"/>
          </ac:graphicFrameMkLst>
        </pc:graphicFrameChg>
        <pc:graphicFrameChg chg="del">
          <ac:chgData name="Bhanu Chander V" userId="146ea9cd-88e8-4270-bc2b-da76f2ce2add" providerId="ADAL" clId="{C0FED1E5-472B-4A68-928D-86CF9751AC69}" dt="2023-02-24T05:21:33.938" v="10793" actId="478"/>
          <ac:graphicFrameMkLst>
            <pc:docMk/>
            <pc:sldMk cId="734890288" sldId="288"/>
            <ac:graphicFrameMk id="8" creationId="{41FC2379-19C7-9076-AD8D-17590DFB5999}"/>
          </ac:graphicFrameMkLst>
        </pc:graphicFrameChg>
        <pc:graphicFrameChg chg="mod">
          <ac:chgData name="Bhanu Chander V" userId="146ea9cd-88e8-4270-bc2b-da76f2ce2add" providerId="ADAL" clId="{C0FED1E5-472B-4A68-928D-86CF9751AC69}" dt="2023-02-24T10:57:48.074" v="11462" actId="1076"/>
          <ac:graphicFrameMkLst>
            <pc:docMk/>
            <pc:sldMk cId="734890288" sldId="288"/>
            <ac:graphicFrameMk id="9" creationId="{A35205F8-E741-2DCB-E16D-D9C840E54597}"/>
          </ac:graphicFrameMkLst>
        </pc:graphicFrameChg>
      </pc:sldChg>
      <pc:sldChg chg="add">
        <pc:chgData name="Bhanu Chander V" userId="146ea9cd-88e8-4270-bc2b-da76f2ce2add" providerId="ADAL" clId="{C0FED1E5-472B-4A68-928D-86CF9751AC69}" dt="2023-02-27T06:14:04.960" v="11911"/>
        <pc:sldMkLst>
          <pc:docMk/>
          <pc:sldMk cId="3359007119" sldId="289"/>
        </pc:sldMkLst>
      </pc:sldChg>
      <pc:sldChg chg="addSp delSp modSp add mod ord modAnim">
        <pc:chgData name="Bhanu Chander V" userId="146ea9cd-88e8-4270-bc2b-da76f2ce2add" providerId="ADAL" clId="{C0FED1E5-472B-4A68-928D-86CF9751AC69}" dt="2023-04-13T09:23:24.400" v="14181" actId="1035"/>
        <pc:sldMkLst>
          <pc:docMk/>
          <pc:sldMk cId="98026728" sldId="290"/>
        </pc:sldMkLst>
        <pc:spChg chg="mod">
          <ac:chgData name="Bhanu Chander V" userId="146ea9cd-88e8-4270-bc2b-da76f2ce2add" providerId="ADAL" clId="{C0FED1E5-472B-4A68-928D-86CF9751AC69}" dt="2023-04-11T05:28:01.310" v="13753" actId="1076"/>
          <ac:spMkLst>
            <pc:docMk/>
            <pc:sldMk cId="98026728" sldId="290"/>
            <ac:spMk id="2" creationId="{A476A973-B212-FFCF-CED0-ED4EADE67BE0}"/>
          </ac:spMkLst>
        </pc:spChg>
        <pc:spChg chg="add mod">
          <ac:chgData name="Bhanu Chander V" userId="146ea9cd-88e8-4270-bc2b-da76f2ce2add" providerId="ADAL" clId="{C0FED1E5-472B-4A68-928D-86CF9751AC69}" dt="2023-04-13T05:04:07.819" v="14111" actId="1038"/>
          <ac:spMkLst>
            <pc:docMk/>
            <pc:sldMk cId="98026728" sldId="290"/>
            <ac:spMk id="4" creationId="{A57391D0-D0FE-6010-0051-0B327C48AC09}"/>
          </ac:spMkLst>
        </pc:spChg>
        <pc:spChg chg="add mod">
          <ac:chgData name="Bhanu Chander V" userId="146ea9cd-88e8-4270-bc2b-da76f2ce2add" providerId="ADAL" clId="{C0FED1E5-472B-4A68-928D-86CF9751AC69}" dt="2023-04-13T05:04:07.819" v="14111" actId="1038"/>
          <ac:spMkLst>
            <pc:docMk/>
            <pc:sldMk cId="98026728" sldId="290"/>
            <ac:spMk id="5" creationId="{B43E137A-8995-1449-D0A9-A129014B0A68}"/>
          </ac:spMkLst>
        </pc:spChg>
        <pc:spChg chg="add mod">
          <ac:chgData name="Bhanu Chander V" userId="146ea9cd-88e8-4270-bc2b-da76f2ce2add" providerId="ADAL" clId="{C0FED1E5-472B-4A68-928D-86CF9751AC69}" dt="2023-04-13T05:04:07.819" v="14111" actId="1038"/>
          <ac:spMkLst>
            <pc:docMk/>
            <pc:sldMk cId="98026728" sldId="290"/>
            <ac:spMk id="6" creationId="{D62D0EDC-DA66-9BD4-FE20-021A4056CB81}"/>
          </ac:spMkLst>
        </pc:spChg>
        <pc:spChg chg="add mod">
          <ac:chgData name="Bhanu Chander V" userId="146ea9cd-88e8-4270-bc2b-da76f2ce2add" providerId="ADAL" clId="{C0FED1E5-472B-4A68-928D-86CF9751AC69}" dt="2023-04-13T05:04:07.819" v="14111" actId="1038"/>
          <ac:spMkLst>
            <pc:docMk/>
            <pc:sldMk cId="98026728" sldId="290"/>
            <ac:spMk id="7" creationId="{4BA57E68-1C8A-F6E7-AD39-E029FAA4B34A}"/>
          </ac:spMkLst>
        </pc:spChg>
        <pc:spChg chg="add mod">
          <ac:chgData name="Bhanu Chander V" userId="146ea9cd-88e8-4270-bc2b-da76f2ce2add" providerId="ADAL" clId="{C0FED1E5-472B-4A68-928D-86CF9751AC69}" dt="2023-04-11T05:29:26.959" v="13795" actId="1038"/>
          <ac:spMkLst>
            <pc:docMk/>
            <pc:sldMk cId="98026728" sldId="290"/>
            <ac:spMk id="8" creationId="{62A5A478-4511-AE41-163F-A6638C5166C6}"/>
          </ac:spMkLst>
        </pc:spChg>
        <pc:spChg chg="add mod">
          <ac:chgData name="Bhanu Chander V" userId="146ea9cd-88e8-4270-bc2b-da76f2ce2add" providerId="ADAL" clId="{C0FED1E5-472B-4A68-928D-86CF9751AC69}" dt="2023-04-11T05:29:22.123" v="13793" actId="1038"/>
          <ac:spMkLst>
            <pc:docMk/>
            <pc:sldMk cId="98026728" sldId="290"/>
            <ac:spMk id="9" creationId="{FEAC4C55-C7A1-5F7C-3E66-F09EE4E2F5C5}"/>
          </ac:spMkLst>
        </pc:spChg>
        <pc:spChg chg="add mod">
          <ac:chgData name="Bhanu Chander V" userId="146ea9cd-88e8-4270-bc2b-da76f2ce2add" providerId="ADAL" clId="{C0FED1E5-472B-4A68-928D-86CF9751AC69}" dt="2023-04-11T05:29:17.028" v="13790" actId="1076"/>
          <ac:spMkLst>
            <pc:docMk/>
            <pc:sldMk cId="98026728" sldId="290"/>
            <ac:spMk id="10" creationId="{21A7C8CF-CCD1-A35E-C2CF-5474CF216852}"/>
          </ac:spMkLst>
        </pc:spChg>
        <pc:spChg chg="add mod">
          <ac:chgData name="Bhanu Chander V" userId="146ea9cd-88e8-4270-bc2b-da76f2ce2add" providerId="ADAL" clId="{C0FED1E5-472B-4A68-928D-86CF9751AC69}" dt="2023-04-11T05:29:31.318" v="13796" actId="1076"/>
          <ac:spMkLst>
            <pc:docMk/>
            <pc:sldMk cId="98026728" sldId="290"/>
            <ac:spMk id="11" creationId="{8E1C2575-EA23-A62D-81CF-67A69C958755}"/>
          </ac:spMkLst>
        </pc:spChg>
        <pc:spChg chg="add mod">
          <ac:chgData name="Bhanu Chander V" userId="146ea9cd-88e8-4270-bc2b-da76f2ce2add" providerId="ADAL" clId="{C0FED1E5-472B-4A68-928D-86CF9751AC69}" dt="2023-04-11T05:29:35.573" v="13797" actId="1076"/>
          <ac:spMkLst>
            <pc:docMk/>
            <pc:sldMk cId="98026728" sldId="290"/>
            <ac:spMk id="12" creationId="{5D13E81B-0164-2DDC-0F51-239706282C5F}"/>
          </ac:spMkLst>
        </pc:spChg>
        <pc:spChg chg="add mod">
          <ac:chgData name="Bhanu Chander V" userId="146ea9cd-88e8-4270-bc2b-da76f2ce2add" providerId="ADAL" clId="{C0FED1E5-472B-4A68-928D-86CF9751AC69}" dt="2023-04-13T09:22:36.878" v="14162" actId="1076"/>
          <ac:spMkLst>
            <pc:docMk/>
            <pc:sldMk cId="98026728" sldId="290"/>
            <ac:spMk id="13" creationId="{5D55DCE3-CFB2-ED81-08B7-786E5523B228}"/>
          </ac:spMkLst>
        </pc:spChg>
        <pc:spChg chg="add mod">
          <ac:chgData name="Bhanu Chander V" userId="146ea9cd-88e8-4270-bc2b-da76f2ce2add" providerId="ADAL" clId="{C0FED1E5-472B-4A68-928D-86CF9751AC69}" dt="2023-04-13T09:22:57.064" v="14164" actId="1076"/>
          <ac:spMkLst>
            <pc:docMk/>
            <pc:sldMk cId="98026728" sldId="290"/>
            <ac:spMk id="15" creationId="{CFD5446C-483D-FA8E-F828-D59B5C8A4013}"/>
          </ac:spMkLst>
        </pc:spChg>
        <pc:spChg chg="add mod">
          <ac:chgData name="Bhanu Chander V" userId="146ea9cd-88e8-4270-bc2b-da76f2ce2add" providerId="ADAL" clId="{C0FED1E5-472B-4A68-928D-86CF9751AC69}" dt="2023-04-13T09:22:57.064" v="14164" actId="1076"/>
          <ac:spMkLst>
            <pc:docMk/>
            <pc:sldMk cId="98026728" sldId="290"/>
            <ac:spMk id="16" creationId="{2B1095D4-3849-C0F0-DEF1-DADA35C3BEAD}"/>
          </ac:spMkLst>
        </pc:spChg>
        <pc:spChg chg="add mod">
          <ac:chgData name="Bhanu Chander V" userId="146ea9cd-88e8-4270-bc2b-da76f2ce2add" providerId="ADAL" clId="{C0FED1E5-472B-4A68-928D-86CF9751AC69}" dt="2023-04-13T09:22:42.678" v="14163" actId="1076"/>
          <ac:spMkLst>
            <pc:docMk/>
            <pc:sldMk cId="98026728" sldId="290"/>
            <ac:spMk id="17" creationId="{9B4886E0-E62C-36A3-FD1E-E9BE7C23C048}"/>
          </ac:spMkLst>
        </pc:spChg>
        <pc:spChg chg="add mod">
          <ac:chgData name="Bhanu Chander V" userId="146ea9cd-88e8-4270-bc2b-da76f2ce2add" providerId="ADAL" clId="{C0FED1E5-472B-4A68-928D-86CF9751AC69}" dt="2023-04-13T09:23:24.400" v="14181" actId="1035"/>
          <ac:spMkLst>
            <pc:docMk/>
            <pc:sldMk cId="98026728" sldId="290"/>
            <ac:spMk id="18" creationId="{BA38938F-F752-48F3-AD3C-77F04EAB1EC5}"/>
          </ac:spMkLst>
        </pc:spChg>
        <pc:spChg chg="add del">
          <ac:chgData name="Bhanu Chander V" userId="146ea9cd-88e8-4270-bc2b-da76f2ce2add" providerId="ADAL" clId="{C0FED1E5-472B-4A68-928D-86CF9751AC69}" dt="2023-04-13T09:17:04.667" v="14148"/>
          <ac:spMkLst>
            <pc:docMk/>
            <pc:sldMk cId="98026728" sldId="290"/>
            <ac:spMk id="19" creationId="{E4A1F434-C6D3-F4DC-53FE-1A27DD774BFB}"/>
          </ac:spMkLst>
        </pc:spChg>
        <pc:spChg chg="add del">
          <ac:chgData name="Bhanu Chander V" userId="146ea9cd-88e8-4270-bc2b-da76f2ce2add" providerId="ADAL" clId="{C0FED1E5-472B-4A68-928D-86CF9751AC69}" dt="2023-04-13T09:17:41.407" v="14150"/>
          <ac:spMkLst>
            <pc:docMk/>
            <pc:sldMk cId="98026728" sldId="290"/>
            <ac:spMk id="20" creationId="{64B1C92C-A044-992C-99D2-77CEAD428952}"/>
          </ac:spMkLst>
        </pc:spChg>
        <pc:graphicFrameChg chg="add mod modGraphic">
          <ac:chgData name="Bhanu Chander V" userId="146ea9cd-88e8-4270-bc2b-da76f2ce2add" providerId="ADAL" clId="{C0FED1E5-472B-4A68-928D-86CF9751AC69}" dt="2023-04-13T05:00:07.178" v="14046" actId="1035"/>
          <ac:graphicFrameMkLst>
            <pc:docMk/>
            <pc:sldMk cId="98026728" sldId="290"/>
            <ac:graphicFrameMk id="14" creationId="{3FFCF291-A4BB-C142-B9BD-4E1B84F18138}"/>
          </ac:graphicFrameMkLst>
        </pc:graphicFrameChg>
        <pc:picChg chg="add mod">
          <ac:chgData name="Bhanu Chander V" userId="146ea9cd-88e8-4270-bc2b-da76f2ce2add" providerId="ADAL" clId="{C0FED1E5-472B-4A68-928D-86CF9751AC69}" dt="2023-04-13T09:22:15.621" v="14158" actId="14100"/>
          <ac:picMkLst>
            <pc:docMk/>
            <pc:sldMk cId="98026728" sldId="290"/>
            <ac:picMk id="22" creationId="{8CCCE647-9F7E-58D8-998E-CADD4CF75719}"/>
          </ac:picMkLst>
        </pc:picChg>
        <pc:picChg chg="add mod">
          <ac:chgData name="Bhanu Chander V" userId="146ea9cd-88e8-4270-bc2b-da76f2ce2add" providerId="ADAL" clId="{C0FED1E5-472B-4A68-928D-86CF9751AC69}" dt="2023-04-11T05:28:51.782" v="13788" actId="1037"/>
          <ac:picMkLst>
            <pc:docMk/>
            <pc:sldMk cId="98026728" sldId="290"/>
            <ac:picMk id="3074" creationId="{FA888FF7-C6F2-1AAD-A404-BD2F285BE57C}"/>
          </ac:picMkLst>
        </pc:picChg>
        <pc:cxnChg chg="add mod">
          <ac:chgData name="Bhanu Chander V" userId="146ea9cd-88e8-4270-bc2b-da76f2ce2add" providerId="ADAL" clId="{C0FED1E5-472B-4A68-928D-86CF9751AC69}" dt="2023-04-11T04:10:47.665" v="13653"/>
          <ac:cxnSpMkLst>
            <pc:docMk/>
            <pc:sldMk cId="98026728" sldId="290"/>
            <ac:cxnSpMk id="3" creationId="{A9780B2E-EAA2-FE3B-5423-FF1056F838F0}"/>
          </ac:cxnSpMkLst>
        </pc:cxnChg>
      </pc:sldChg>
      <pc:sldChg chg="modSp add mod">
        <pc:chgData name="Bhanu Chander V" userId="146ea9cd-88e8-4270-bc2b-da76f2ce2add" providerId="ADAL" clId="{C0FED1E5-472B-4A68-928D-86CF9751AC69}" dt="2023-02-27T06:15:10.323" v="12050" actId="14100"/>
        <pc:sldMkLst>
          <pc:docMk/>
          <pc:sldMk cId="2980005576" sldId="291"/>
        </pc:sldMkLst>
        <pc:spChg chg="mod">
          <ac:chgData name="Bhanu Chander V" userId="146ea9cd-88e8-4270-bc2b-da76f2ce2add" providerId="ADAL" clId="{C0FED1E5-472B-4A68-928D-86CF9751AC69}" dt="2023-02-27T06:15:10.323" v="12050" actId="14100"/>
          <ac:spMkLst>
            <pc:docMk/>
            <pc:sldMk cId="2980005576" sldId="291"/>
            <ac:spMk id="2" creationId="{A476A973-B212-FFCF-CED0-ED4EADE67BE0}"/>
          </ac:spMkLst>
        </pc:spChg>
      </pc:sldChg>
      <pc:sldChg chg="modSp add mod">
        <pc:chgData name="Bhanu Chander V" userId="146ea9cd-88e8-4270-bc2b-da76f2ce2add" providerId="ADAL" clId="{C0FED1E5-472B-4A68-928D-86CF9751AC69}" dt="2023-02-27T06:15:23.578" v="12073" actId="20577"/>
        <pc:sldMkLst>
          <pc:docMk/>
          <pc:sldMk cId="2332929224" sldId="292"/>
        </pc:sldMkLst>
        <pc:spChg chg="mod">
          <ac:chgData name="Bhanu Chander V" userId="146ea9cd-88e8-4270-bc2b-da76f2ce2add" providerId="ADAL" clId="{C0FED1E5-472B-4A68-928D-86CF9751AC69}" dt="2023-02-27T06:15:23.578" v="12073" actId="20577"/>
          <ac:spMkLst>
            <pc:docMk/>
            <pc:sldMk cId="2332929224" sldId="292"/>
            <ac:spMk id="2" creationId="{A476A973-B212-FFCF-CED0-ED4EADE67BE0}"/>
          </ac:spMkLst>
        </pc:spChg>
      </pc:sldChg>
      <pc:sldChg chg="modSp add mod">
        <pc:chgData name="Bhanu Chander V" userId="146ea9cd-88e8-4270-bc2b-da76f2ce2add" providerId="ADAL" clId="{C0FED1E5-472B-4A68-928D-86CF9751AC69}" dt="2023-02-27T06:15:33.698" v="12092" actId="20577"/>
        <pc:sldMkLst>
          <pc:docMk/>
          <pc:sldMk cId="3905341416" sldId="293"/>
        </pc:sldMkLst>
        <pc:spChg chg="mod">
          <ac:chgData name="Bhanu Chander V" userId="146ea9cd-88e8-4270-bc2b-da76f2ce2add" providerId="ADAL" clId="{C0FED1E5-472B-4A68-928D-86CF9751AC69}" dt="2023-02-27T06:15:33.698" v="12092" actId="20577"/>
          <ac:spMkLst>
            <pc:docMk/>
            <pc:sldMk cId="3905341416" sldId="293"/>
            <ac:spMk id="2" creationId="{A476A973-B212-FFCF-CED0-ED4EADE67BE0}"/>
          </ac:spMkLst>
        </pc:spChg>
      </pc:sldChg>
      <pc:sldChg chg="addSp delSp modSp add mod ord addAnim delAnim modAnim">
        <pc:chgData name="Bhanu Chander V" userId="146ea9cd-88e8-4270-bc2b-da76f2ce2add" providerId="ADAL" clId="{C0FED1E5-472B-4A68-928D-86CF9751AC69}" dt="2023-04-10T13:52:37.749" v="12962"/>
        <pc:sldMkLst>
          <pc:docMk/>
          <pc:sldMk cId="3158095158" sldId="294"/>
        </pc:sldMkLst>
        <pc:spChg chg="mod">
          <ac:chgData name="Bhanu Chander V" userId="146ea9cd-88e8-4270-bc2b-da76f2ce2add" providerId="ADAL" clId="{C0FED1E5-472B-4A68-928D-86CF9751AC69}" dt="2023-04-04T05:48:01.042" v="12441" actId="113"/>
          <ac:spMkLst>
            <pc:docMk/>
            <pc:sldMk cId="3158095158" sldId="294"/>
            <ac:spMk id="2" creationId="{8870D33E-8349-B480-0FAC-2FF1499FAF15}"/>
          </ac:spMkLst>
        </pc:spChg>
        <pc:spChg chg="del mod">
          <ac:chgData name="Bhanu Chander V" userId="146ea9cd-88e8-4270-bc2b-da76f2ce2add" providerId="ADAL" clId="{C0FED1E5-472B-4A68-928D-86CF9751AC69}" dt="2023-04-04T05:47:20.144" v="12417" actId="478"/>
          <ac:spMkLst>
            <pc:docMk/>
            <pc:sldMk cId="3158095158" sldId="294"/>
            <ac:spMk id="3" creationId="{BB5F832A-C2FC-0090-F59B-57C2213E5AFF}"/>
          </ac:spMkLst>
        </pc:spChg>
        <pc:spChg chg="del">
          <ac:chgData name="Bhanu Chander V" userId="146ea9cd-88e8-4270-bc2b-da76f2ce2add" providerId="ADAL" clId="{C0FED1E5-472B-4A68-928D-86CF9751AC69}" dt="2023-03-17T09:29:46.664" v="12213" actId="478"/>
          <ac:spMkLst>
            <pc:docMk/>
            <pc:sldMk cId="3158095158" sldId="294"/>
            <ac:spMk id="4" creationId="{A8E8F83B-86DD-1739-EC8A-BEA9B0F81165}"/>
          </ac:spMkLst>
        </pc:spChg>
        <pc:spChg chg="del">
          <ac:chgData name="Bhanu Chander V" userId="146ea9cd-88e8-4270-bc2b-da76f2ce2add" providerId="ADAL" clId="{C0FED1E5-472B-4A68-928D-86CF9751AC69}" dt="2023-03-17T09:30:28.320" v="12246" actId="478"/>
          <ac:spMkLst>
            <pc:docMk/>
            <pc:sldMk cId="3158095158" sldId="294"/>
            <ac:spMk id="5" creationId="{3BB10352-B8A5-3658-92EF-CCAED0C66340}"/>
          </ac:spMkLst>
        </pc:spChg>
        <pc:spChg chg="del">
          <ac:chgData name="Bhanu Chander V" userId="146ea9cd-88e8-4270-bc2b-da76f2ce2add" providerId="ADAL" clId="{C0FED1E5-472B-4A68-928D-86CF9751AC69}" dt="2023-03-17T09:30:30" v="12247" actId="478"/>
          <ac:spMkLst>
            <pc:docMk/>
            <pc:sldMk cId="3158095158" sldId="294"/>
            <ac:spMk id="6" creationId="{1AD20841-BB15-45C1-7F31-3F52A0A2B44A}"/>
          </ac:spMkLst>
        </pc:spChg>
        <pc:spChg chg="add del mod">
          <ac:chgData name="Bhanu Chander V" userId="146ea9cd-88e8-4270-bc2b-da76f2ce2add" providerId="ADAL" clId="{C0FED1E5-472B-4A68-928D-86CF9751AC69}" dt="2023-04-04T05:41:15.630" v="12323" actId="21"/>
          <ac:spMkLst>
            <pc:docMk/>
            <pc:sldMk cId="3158095158" sldId="294"/>
            <ac:spMk id="7" creationId="{4EBA7B94-E8C1-BA90-54FF-8717A69E25F9}"/>
          </ac:spMkLst>
        </pc:spChg>
        <pc:graphicFrameChg chg="add mod modGraphic">
          <ac:chgData name="Bhanu Chander V" userId="146ea9cd-88e8-4270-bc2b-da76f2ce2add" providerId="ADAL" clId="{C0FED1E5-472B-4A68-928D-86CF9751AC69}" dt="2023-04-04T09:10:25.657" v="12927"/>
          <ac:graphicFrameMkLst>
            <pc:docMk/>
            <pc:sldMk cId="3158095158" sldId="294"/>
            <ac:graphicFrameMk id="4" creationId="{7CF042C4-67CA-1C6C-B8E6-8498E869F059}"/>
          </ac:graphicFrameMkLst>
        </pc:graphicFrameChg>
        <pc:picChg chg="add del mod">
          <ac:chgData name="Bhanu Chander V" userId="146ea9cd-88e8-4270-bc2b-da76f2ce2add" providerId="ADAL" clId="{C0FED1E5-472B-4A68-928D-86CF9751AC69}" dt="2023-04-04T05:45:09.944" v="12405" actId="478"/>
          <ac:picMkLst>
            <pc:docMk/>
            <pc:sldMk cId="3158095158" sldId="294"/>
            <ac:picMk id="6" creationId="{993E5455-E3C1-646F-51B1-47156E9B2AAD}"/>
          </ac:picMkLst>
        </pc:picChg>
        <pc:picChg chg="add mod">
          <ac:chgData name="Bhanu Chander V" userId="146ea9cd-88e8-4270-bc2b-da76f2ce2add" providerId="ADAL" clId="{C0FED1E5-472B-4A68-928D-86CF9751AC69}" dt="2023-04-04T09:05:58.569" v="12902" actId="1038"/>
          <ac:picMkLst>
            <pc:docMk/>
            <pc:sldMk cId="3158095158" sldId="294"/>
            <ac:picMk id="9" creationId="{E2010139-8D4F-7022-9554-DAAAC3E072EA}"/>
          </ac:picMkLst>
        </pc:picChg>
        <pc:picChg chg="add mod">
          <ac:chgData name="Bhanu Chander V" userId="146ea9cd-88e8-4270-bc2b-da76f2ce2add" providerId="ADAL" clId="{C0FED1E5-472B-4A68-928D-86CF9751AC69}" dt="2023-04-04T09:06:01.291" v="12905" actId="1035"/>
          <ac:picMkLst>
            <pc:docMk/>
            <pc:sldMk cId="3158095158" sldId="294"/>
            <ac:picMk id="11" creationId="{3B86825F-0358-3453-01B6-1A614337BD3B}"/>
          </ac:picMkLst>
        </pc:picChg>
        <pc:picChg chg="add del mod">
          <ac:chgData name="Bhanu Chander V" userId="146ea9cd-88e8-4270-bc2b-da76f2ce2add" providerId="ADAL" clId="{C0FED1E5-472B-4A68-928D-86CF9751AC69}" dt="2023-04-04T07:43:27.762" v="12797" actId="478"/>
          <ac:picMkLst>
            <pc:docMk/>
            <pc:sldMk cId="3158095158" sldId="294"/>
            <ac:picMk id="13" creationId="{FD2C229B-5AD9-7963-A8F4-A8CC45BCED37}"/>
          </ac:picMkLst>
        </pc:picChg>
        <pc:picChg chg="add del mod">
          <ac:chgData name="Bhanu Chander V" userId="146ea9cd-88e8-4270-bc2b-da76f2ce2add" providerId="ADAL" clId="{C0FED1E5-472B-4A68-928D-86CF9751AC69}" dt="2023-04-04T09:08:20.843" v="12915" actId="478"/>
          <ac:picMkLst>
            <pc:docMk/>
            <pc:sldMk cId="3158095158" sldId="294"/>
            <ac:picMk id="15" creationId="{916405DB-8112-E3EB-3316-C59845CEEA58}"/>
          </ac:picMkLst>
        </pc:picChg>
        <pc:picChg chg="add mod">
          <ac:chgData name="Bhanu Chander V" userId="146ea9cd-88e8-4270-bc2b-da76f2ce2add" providerId="ADAL" clId="{C0FED1E5-472B-4A68-928D-86CF9751AC69}" dt="2023-04-04T09:10:34.146" v="12929" actId="1076"/>
          <ac:picMkLst>
            <pc:docMk/>
            <pc:sldMk cId="3158095158" sldId="294"/>
            <ac:picMk id="17" creationId="{D067F60D-2450-69D3-F022-7E816FDAB419}"/>
          </ac:picMkLst>
        </pc:picChg>
        <pc:picChg chg="add mod">
          <ac:chgData name="Bhanu Chander V" userId="146ea9cd-88e8-4270-bc2b-da76f2ce2add" providerId="ADAL" clId="{C0FED1E5-472B-4A68-928D-86CF9751AC69}" dt="2023-04-04T09:10:50.888" v="12936" actId="1036"/>
          <ac:picMkLst>
            <pc:docMk/>
            <pc:sldMk cId="3158095158" sldId="294"/>
            <ac:picMk id="19" creationId="{5B46A1F7-31DB-C965-4B01-40D8D70CA239}"/>
          </ac:picMkLst>
        </pc:picChg>
        <pc:picChg chg="add mod">
          <ac:chgData name="Bhanu Chander V" userId="146ea9cd-88e8-4270-bc2b-da76f2ce2add" providerId="ADAL" clId="{C0FED1E5-472B-4A68-928D-86CF9751AC69}" dt="2023-04-04T09:06:04.500" v="12906" actId="1076"/>
          <ac:picMkLst>
            <pc:docMk/>
            <pc:sldMk cId="3158095158" sldId="294"/>
            <ac:picMk id="1026" creationId="{89E37433-0E29-A8DA-5C5D-D8EBF1C8B7D2}"/>
          </ac:picMkLst>
        </pc:picChg>
        <pc:picChg chg="add mod">
          <ac:chgData name="Bhanu Chander V" userId="146ea9cd-88e8-4270-bc2b-da76f2ce2add" providerId="ADAL" clId="{C0FED1E5-472B-4A68-928D-86CF9751AC69}" dt="2023-04-04T09:06:08.692" v="12908" actId="14100"/>
          <ac:picMkLst>
            <pc:docMk/>
            <pc:sldMk cId="3158095158" sldId="294"/>
            <ac:picMk id="1028" creationId="{948C6C11-E7DF-218A-8E78-2E6DFC591F56}"/>
          </ac:picMkLst>
        </pc:picChg>
      </pc:sldChg>
      <pc:sldChg chg="addSp delSp modSp new mod ord delAnim modAnim">
        <pc:chgData name="Bhanu Chander V" userId="146ea9cd-88e8-4270-bc2b-da76f2ce2add" providerId="ADAL" clId="{C0FED1E5-472B-4A68-928D-86CF9751AC69}" dt="2023-04-13T04:57:35.027" v="14025"/>
        <pc:sldMkLst>
          <pc:docMk/>
          <pc:sldMk cId="282199537" sldId="295"/>
        </pc:sldMkLst>
        <pc:spChg chg="add mod">
          <ac:chgData name="Bhanu Chander V" userId="146ea9cd-88e8-4270-bc2b-da76f2ce2add" providerId="ADAL" clId="{C0FED1E5-472B-4A68-928D-86CF9751AC69}" dt="2023-04-11T03:04:46.957" v="13350" actId="1076"/>
          <ac:spMkLst>
            <pc:docMk/>
            <pc:sldMk cId="282199537" sldId="295"/>
            <ac:spMk id="2" creationId="{A9639E30-5999-6A01-2D92-0C020FBCE97A}"/>
          </ac:spMkLst>
        </pc:spChg>
        <pc:spChg chg="add del mod">
          <ac:chgData name="Bhanu Chander V" userId="146ea9cd-88e8-4270-bc2b-da76f2ce2add" providerId="ADAL" clId="{C0FED1E5-472B-4A68-928D-86CF9751AC69}" dt="2023-04-04T05:48:30.435" v="12444" actId="478"/>
          <ac:spMkLst>
            <pc:docMk/>
            <pc:sldMk cId="282199537" sldId="295"/>
            <ac:spMk id="3" creationId="{A0A21249-BA8E-8576-9DFB-EADE31FE7930}"/>
          </ac:spMkLst>
        </pc:spChg>
        <pc:spChg chg="add mod">
          <ac:chgData name="Bhanu Chander V" userId="146ea9cd-88e8-4270-bc2b-da76f2ce2add" providerId="ADAL" clId="{C0FED1E5-472B-4A68-928D-86CF9751AC69}" dt="2023-04-10T13:53:12.697" v="12978" actId="20577"/>
          <ac:spMkLst>
            <pc:docMk/>
            <pc:sldMk cId="282199537" sldId="295"/>
            <ac:spMk id="3" creationId="{CEA886A7-702B-A77A-3326-CAD9A7189F39}"/>
          </ac:spMkLst>
        </pc:spChg>
        <pc:spChg chg="add mod">
          <ac:chgData name="Bhanu Chander V" userId="146ea9cd-88e8-4270-bc2b-da76f2ce2add" providerId="ADAL" clId="{C0FED1E5-472B-4A68-928D-86CF9751AC69}" dt="2023-04-13T04:55:56.767" v="14017" actId="1076"/>
          <ac:spMkLst>
            <pc:docMk/>
            <pc:sldMk cId="282199537" sldId="295"/>
            <ac:spMk id="4" creationId="{0DA4F35B-E540-D645-ED6E-E871B0DBF54D}"/>
          </ac:spMkLst>
        </pc:spChg>
        <pc:spChg chg="add del mod">
          <ac:chgData name="Bhanu Chander V" userId="146ea9cd-88e8-4270-bc2b-da76f2ce2add" providerId="ADAL" clId="{C0FED1E5-472B-4A68-928D-86CF9751AC69}" dt="2023-04-10T13:53:05.991" v="12963" actId="478"/>
          <ac:spMkLst>
            <pc:docMk/>
            <pc:sldMk cId="282199537" sldId="295"/>
            <ac:spMk id="4" creationId="{7640FF96-2677-D7E3-6EEB-7ED3E92AE4CA}"/>
          </ac:spMkLst>
        </pc:spChg>
        <pc:spChg chg="add del">
          <ac:chgData name="Bhanu Chander V" userId="146ea9cd-88e8-4270-bc2b-da76f2ce2add" providerId="ADAL" clId="{C0FED1E5-472B-4A68-928D-86CF9751AC69}" dt="2023-04-10T15:09:58.895" v="13234"/>
          <ac:spMkLst>
            <pc:docMk/>
            <pc:sldMk cId="282199537" sldId="295"/>
            <ac:spMk id="5" creationId="{B675B37F-8768-114C-A164-AA8512B24B54}"/>
          </ac:spMkLst>
        </pc:spChg>
        <pc:spChg chg="add mod">
          <ac:chgData name="Bhanu Chander V" userId="146ea9cd-88e8-4270-bc2b-da76f2ce2add" providerId="ADAL" clId="{C0FED1E5-472B-4A68-928D-86CF9751AC69}" dt="2023-04-11T03:03:57.810" v="13338" actId="1076"/>
          <ac:spMkLst>
            <pc:docMk/>
            <pc:sldMk cId="282199537" sldId="295"/>
            <ac:spMk id="6" creationId="{313D8B6B-ECC7-033C-EA5E-5EBB5DB8ABE3}"/>
          </ac:spMkLst>
        </pc:spChg>
        <pc:spChg chg="add mod">
          <ac:chgData name="Bhanu Chander V" userId="146ea9cd-88e8-4270-bc2b-da76f2ce2add" providerId="ADAL" clId="{C0FED1E5-472B-4A68-928D-86CF9751AC69}" dt="2023-04-11T04:00:17.510" v="13636" actId="1076"/>
          <ac:spMkLst>
            <pc:docMk/>
            <pc:sldMk cId="282199537" sldId="295"/>
            <ac:spMk id="9" creationId="{1C10AE23-7BD2-0F64-2396-49182479B299}"/>
          </ac:spMkLst>
        </pc:spChg>
        <pc:spChg chg="add mod">
          <ac:chgData name="Bhanu Chander V" userId="146ea9cd-88e8-4270-bc2b-da76f2ce2add" providerId="ADAL" clId="{C0FED1E5-472B-4A68-928D-86CF9751AC69}" dt="2023-04-11T04:18:55.002" v="13683" actId="14100"/>
          <ac:spMkLst>
            <pc:docMk/>
            <pc:sldMk cId="282199537" sldId="295"/>
            <ac:spMk id="10" creationId="{BD2D3C2C-1022-37B1-9DA1-53012EE75BA4}"/>
          </ac:spMkLst>
        </pc:spChg>
        <pc:spChg chg="add mod">
          <ac:chgData name="Bhanu Chander V" userId="146ea9cd-88e8-4270-bc2b-da76f2ce2add" providerId="ADAL" clId="{C0FED1E5-472B-4A68-928D-86CF9751AC69}" dt="2023-04-11T03:04:21.316" v="13347" actId="1076"/>
          <ac:spMkLst>
            <pc:docMk/>
            <pc:sldMk cId="282199537" sldId="295"/>
            <ac:spMk id="11" creationId="{4EA9C6C9-44BF-391B-8841-8F4D9A841A39}"/>
          </ac:spMkLst>
        </pc:spChg>
        <pc:spChg chg="add mod">
          <ac:chgData name="Bhanu Chander V" userId="146ea9cd-88e8-4270-bc2b-da76f2ce2add" providerId="ADAL" clId="{C0FED1E5-472B-4A68-928D-86CF9751AC69}" dt="2023-04-11T03:04:21.316" v="13347" actId="1076"/>
          <ac:spMkLst>
            <pc:docMk/>
            <pc:sldMk cId="282199537" sldId="295"/>
            <ac:spMk id="12" creationId="{6DC13A37-73B5-C310-C1A1-62355502B838}"/>
          </ac:spMkLst>
        </pc:spChg>
        <pc:spChg chg="add mod">
          <ac:chgData name="Bhanu Chander V" userId="146ea9cd-88e8-4270-bc2b-da76f2ce2add" providerId="ADAL" clId="{C0FED1E5-472B-4A68-928D-86CF9751AC69}" dt="2023-04-11T03:04:21.316" v="13347" actId="1076"/>
          <ac:spMkLst>
            <pc:docMk/>
            <pc:sldMk cId="282199537" sldId="295"/>
            <ac:spMk id="13" creationId="{40680327-3760-DF84-54C9-87C783B5408B}"/>
          </ac:spMkLst>
        </pc:spChg>
        <pc:spChg chg="add mod">
          <ac:chgData name="Bhanu Chander V" userId="146ea9cd-88e8-4270-bc2b-da76f2ce2add" providerId="ADAL" clId="{C0FED1E5-472B-4A68-928D-86CF9751AC69}" dt="2023-04-11T03:04:21.316" v="13347" actId="1076"/>
          <ac:spMkLst>
            <pc:docMk/>
            <pc:sldMk cId="282199537" sldId="295"/>
            <ac:spMk id="14" creationId="{130C4268-C5CB-42F2-D8BE-9E3F1BC4E9A1}"/>
          </ac:spMkLst>
        </pc:spChg>
        <pc:spChg chg="add mod">
          <ac:chgData name="Bhanu Chander V" userId="146ea9cd-88e8-4270-bc2b-da76f2ce2add" providerId="ADAL" clId="{C0FED1E5-472B-4A68-928D-86CF9751AC69}" dt="2023-04-11T03:04:36.246" v="13348" actId="1076"/>
          <ac:spMkLst>
            <pc:docMk/>
            <pc:sldMk cId="282199537" sldId="295"/>
            <ac:spMk id="15" creationId="{EB1A5239-DD68-7099-084D-11B156DB2567}"/>
          </ac:spMkLst>
        </pc:spChg>
        <pc:spChg chg="add mod">
          <ac:chgData name="Bhanu Chander V" userId="146ea9cd-88e8-4270-bc2b-da76f2ce2add" providerId="ADAL" clId="{C0FED1E5-472B-4A68-928D-86CF9751AC69}" dt="2023-04-11T03:04:36.246" v="13348" actId="1076"/>
          <ac:spMkLst>
            <pc:docMk/>
            <pc:sldMk cId="282199537" sldId="295"/>
            <ac:spMk id="16" creationId="{BCE0E912-264B-49AD-9345-43E21A8429D0}"/>
          </ac:spMkLst>
        </pc:spChg>
        <pc:spChg chg="add mod">
          <ac:chgData name="Bhanu Chander V" userId="146ea9cd-88e8-4270-bc2b-da76f2ce2add" providerId="ADAL" clId="{C0FED1E5-472B-4A68-928D-86CF9751AC69}" dt="2023-04-11T03:04:36.246" v="13348" actId="1076"/>
          <ac:spMkLst>
            <pc:docMk/>
            <pc:sldMk cId="282199537" sldId="295"/>
            <ac:spMk id="17" creationId="{4C8A82E9-5771-561B-D2EE-5764910530A3}"/>
          </ac:spMkLst>
        </pc:spChg>
        <pc:spChg chg="add mod">
          <ac:chgData name="Bhanu Chander V" userId="146ea9cd-88e8-4270-bc2b-da76f2ce2add" providerId="ADAL" clId="{C0FED1E5-472B-4A68-928D-86CF9751AC69}" dt="2023-04-11T03:04:36.246" v="13348" actId="1076"/>
          <ac:spMkLst>
            <pc:docMk/>
            <pc:sldMk cId="282199537" sldId="295"/>
            <ac:spMk id="18" creationId="{9687D54B-06A0-DEBD-AEAF-29537CC9B760}"/>
          </ac:spMkLst>
        </pc:spChg>
        <pc:spChg chg="add mod">
          <ac:chgData name="Bhanu Chander V" userId="146ea9cd-88e8-4270-bc2b-da76f2ce2add" providerId="ADAL" clId="{C0FED1E5-472B-4A68-928D-86CF9751AC69}" dt="2023-04-11T03:04:36.246" v="13348" actId="1076"/>
          <ac:spMkLst>
            <pc:docMk/>
            <pc:sldMk cId="282199537" sldId="295"/>
            <ac:spMk id="19" creationId="{88F2B71D-15B0-7112-BBE1-572AA8865902}"/>
          </ac:spMkLst>
        </pc:spChg>
        <pc:spChg chg="add del mod">
          <ac:chgData name="Bhanu Chander V" userId="146ea9cd-88e8-4270-bc2b-da76f2ce2add" providerId="ADAL" clId="{C0FED1E5-472B-4A68-928D-86CF9751AC69}" dt="2023-04-11T03:18:36.363" v="13417" actId="478"/>
          <ac:spMkLst>
            <pc:docMk/>
            <pc:sldMk cId="282199537" sldId="295"/>
            <ac:spMk id="21" creationId="{A7613DD0-248D-B999-9A36-6CA6F88ED73B}"/>
          </ac:spMkLst>
        </pc:spChg>
        <pc:spChg chg="add mod">
          <ac:chgData name="Bhanu Chander V" userId="146ea9cd-88e8-4270-bc2b-da76f2ce2add" providerId="ADAL" clId="{C0FED1E5-472B-4A68-928D-86CF9751AC69}" dt="2023-04-11T03:47:22.528" v="13483" actId="1076"/>
          <ac:spMkLst>
            <pc:docMk/>
            <pc:sldMk cId="282199537" sldId="295"/>
            <ac:spMk id="25" creationId="{EAF69A19-23B5-2504-5DC7-A79CBB6FCEE3}"/>
          </ac:spMkLst>
        </pc:spChg>
        <pc:spChg chg="add mod">
          <ac:chgData name="Bhanu Chander V" userId="146ea9cd-88e8-4270-bc2b-da76f2ce2add" providerId="ADAL" clId="{C0FED1E5-472B-4A68-928D-86CF9751AC69}" dt="2023-04-11T03:51:32.047" v="13514" actId="20577"/>
          <ac:spMkLst>
            <pc:docMk/>
            <pc:sldMk cId="282199537" sldId="295"/>
            <ac:spMk id="31" creationId="{2164DAA2-0C7D-7DDE-71C9-73A97F07C4EB}"/>
          </ac:spMkLst>
        </pc:spChg>
        <pc:spChg chg="add mod">
          <ac:chgData name="Bhanu Chander V" userId="146ea9cd-88e8-4270-bc2b-da76f2ce2add" providerId="ADAL" clId="{C0FED1E5-472B-4A68-928D-86CF9751AC69}" dt="2023-04-11T03:58:35.786" v="13624" actId="2085"/>
          <ac:spMkLst>
            <pc:docMk/>
            <pc:sldMk cId="282199537" sldId="295"/>
            <ac:spMk id="34" creationId="{4A60AC4E-1DD9-2EC4-CE13-DCA6A5ACFC46}"/>
          </ac:spMkLst>
        </pc:spChg>
        <pc:spChg chg="add mod">
          <ac:chgData name="Bhanu Chander V" userId="146ea9cd-88e8-4270-bc2b-da76f2ce2add" providerId="ADAL" clId="{C0FED1E5-472B-4A68-928D-86CF9751AC69}" dt="2023-04-11T03:59:15.873" v="13628" actId="207"/>
          <ac:spMkLst>
            <pc:docMk/>
            <pc:sldMk cId="282199537" sldId="295"/>
            <ac:spMk id="35" creationId="{07EBB2B5-3483-78D5-D297-C271070C2E53}"/>
          </ac:spMkLst>
        </pc:spChg>
        <pc:spChg chg="add mod">
          <ac:chgData name="Bhanu Chander V" userId="146ea9cd-88e8-4270-bc2b-da76f2ce2add" providerId="ADAL" clId="{C0FED1E5-472B-4A68-928D-86CF9751AC69}" dt="2023-04-11T04:18:59.736" v="13685" actId="571"/>
          <ac:spMkLst>
            <pc:docMk/>
            <pc:sldMk cId="282199537" sldId="295"/>
            <ac:spMk id="45" creationId="{E7BE2EC1-96C7-35AE-5496-0CF378486218}"/>
          </ac:spMkLst>
        </pc:spChg>
        <pc:spChg chg="add mod">
          <ac:chgData name="Bhanu Chander V" userId="146ea9cd-88e8-4270-bc2b-da76f2ce2add" providerId="ADAL" clId="{C0FED1E5-472B-4A68-928D-86CF9751AC69}" dt="2023-04-11T04:18:59.736" v="13685" actId="571"/>
          <ac:spMkLst>
            <pc:docMk/>
            <pc:sldMk cId="282199537" sldId="295"/>
            <ac:spMk id="46" creationId="{08CB141A-CBD9-01E3-83E8-E3D4442C2AA5}"/>
          </ac:spMkLst>
        </pc:spChg>
        <pc:graphicFrameChg chg="add del mod">
          <ac:chgData name="Bhanu Chander V" userId="146ea9cd-88e8-4270-bc2b-da76f2ce2add" providerId="ADAL" clId="{C0FED1E5-472B-4A68-928D-86CF9751AC69}" dt="2023-04-11T03:13:01.156" v="13416" actId="478"/>
          <ac:graphicFrameMkLst>
            <pc:docMk/>
            <pc:sldMk cId="282199537" sldId="295"/>
            <ac:graphicFrameMk id="22" creationId="{11D4D243-3999-2D52-88AB-17B80F1827B0}"/>
          </ac:graphicFrameMkLst>
        </pc:graphicFrameChg>
        <pc:graphicFrameChg chg="add mod modGraphic">
          <ac:chgData name="Bhanu Chander V" userId="146ea9cd-88e8-4270-bc2b-da76f2ce2add" providerId="ADAL" clId="{C0FED1E5-472B-4A68-928D-86CF9751AC69}" dt="2023-04-11T05:35:37.785" v="13853" actId="242"/>
          <ac:graphicFrameMkLst>
            <pc:docMk/>
            <pc:sldMk cId="282199537" sldId="295"/>
            <ac:graphicFrameMk id="23" creationId="{D7C11CFD-3FA3-DCAC-BAA4-79F532B57D8B}"/>
          </ac:graphicFrameMkLst>
        </pc:graphicFrameChg>
        <pc:graphicFrameChg chg="add mod modGraphic">
          <ac:chgData name="Bhanu Chander V" userId="146ea9cd-88e8-4270-bc2b-da76f2ce2add" providerId="ADAL" clId="{C0FED1E5-472B-4A68-928D-86CF9751AC69}" dt="2023-04-11T05:35:45.915" v="13854" actId="242"/>
          <ac:graphicFrameMkLst>
            <pc:docMk/>
            <pc:sldMk cId="282199537" sldId="295"/>
            <ac:graphicFrameMk id="24" creationId="{E07FE2DA-555F-A625-A026-75AB9092B090}"/>
          </ac:graphicFrameMkLst>
        </pc:graphicFrameChg>
        <pc:picChg chg="add mod">
          <ac:chgData name="Bhanu Chander V" userId="146ea9cd-88e8-4270-bc2b-da76f2ce2add" providerId="ADAL" clId="{C0FED1E5-472B-4A68-928D-86CF9751AC69}" dt="2023-04-11T04:00:17.510" v="13636" actId="1076"/>
          <ac:picMkLst>
            <pc:docMk/>
            <pc:sldMk cId="282199537" sldId="295"/>
            <ac:picMk id="8" creationId="{7703DF6D-3745-007B-BA88-9DD499A22C1E}"/>
          </ac:picMkLst>
        </pc:picChg>
        <pc:picChg chg="add mod">
          <ac:chgData name="Bhanu Chander V" userId="146ea9cd-88e8-4270-bc2b-da76f2ce2add" providerId="ADAL" clId="{C0FED1E5-472B-4A68-928D-86CF9751AC69}" dt="2023-04-11T03:05:55.242" v="13354" actId="1076"/>
          <ac:picMkLst>
            <pc:docMk/>
            <pc:sldMk cId="282199537" sldId="295"/>
            <ac:picMk id="2054" creationId="{9CF2BBB9-A0E2-BCBE-AB2A-8215C2074A21}"/>
          </ac:picMkLst>
        </pc:picChg>
        <pc:picChg chg="add mod">
          <ac:chgData name="Bhanu Chander V" userId="146ea9cd-88e8-4270-bc2b-da76f2ce2add" providerId="ADAL" clId="{C0FED1E5-472B-4A68-928D-86CF9751AC69}" dt="2023-04-11T05:43:41.618" v="13874" actId="1076"/>
          <ac:picMkLst>
            <pc:docMk/>
            <pc:sldMk cId="282199537" sldId="295"/>
            <ac:picMk id="2056" creationId="{0CB98194-454A-DAF7-C22B-2FFDE3FCB3D6}"/>
          </ac:picMkLst>
        </pc:picChg>
        <pc:cxnChg chg="add mod">
          <ac:chgData name="Bhanu Chander V" userId="146ea9cd-88e8-4270-bc2b-da76f2ce2add" providerId="ADAL" clId="{C0FED1E5-472B-4A68-928D-86CF9751AC69}" dt="2023-04-11T03:52:27.908" v="13535" actId="14100"/>
          <ac:cxnSpMkLst>
            <pc:docMk/>
            <pc:sldMk cId="282199537" sldId="295"/>
            <ac:cxnSpMk id="20" creationId="{4AED0EC8-E731-1A0E-F752-6D5875805F4D}"/>
          </ac:cxnSpMkLst>
        </pc:cxnChg>
        <pc:cxnChg chg="add mod">
          <ac:chgData name="Bhanu Chander V" userId="146ea9cd-88e8-4270-bc2b-da76f2ce2add" providerId="ADAL" clId="{C0FED1E5-472B-4A68-928D-86CF9751AC69}" dt="2023-04-11T03:50:13.965" v="13498" actId="692"/>
          <ac:cxnSpMkLst>
            <pc:docMk/>
            <pc:sldMk cId="282199537" sldId="295"/>
            <ac:cxnSpMk id="27" creationId="{BBF84207-7C39-8CC8-EC19-D63CF255B1AA}"/>
          </ac:cxnSpMkLst>
        </pc:cxnChg>
        <pc:cxnChg chg="add mod">
          <ac:chgData name="Bhanu Chander V" userId="146ea9cd-88e8-4270-bc2b-da76f2ce2add" providerId="ADAL" clId="{C0FED1E5-472B-4A68-928D-86CF9751AC69}" dt="2023-04-11T03:50:28.054" v="13503" actId="14100"/>
          <ac:cxnSpMkLst>
            <pc:docMk/>
            <pc:sldMk cId="282199537" sldId="295"/>
            <ac:cxnSpMk id="28" creationId="{00BC7423-8471-DF8D-27DF-F358E2DE2BD9}"/>
          </ac:cxnSpMkLst>
        </pc:cxnChg>
        <pc:cxnChg chg="add mod">
          <ac:chgData name="Bhanu Chander V" userId="146ea9cd-88e8-4270-bc2b-da76f2ce2add" providerId="ADAL" clId="{C0FED1E5-472B-4A68-928D-86CF9751AC69}" dt="2023-04-11T03:58:09.748" v="13617" actId="208"/>
          <ac:cxnSpMkLst>
            <pc:docMk/>
            <pc:sldMk cId="282199537" sldId="295"/>
            <ac:cxnSpMk id="36" creationId="{45CE836A-4993-88A7-627A-AE485486874E}"/>
          </ac:cxnSpMkLst>
        </pc:cxnChg>
        <pc:cxnChg chg="add del mod">
          <ac:chgData name="Bhanu Chander V" userId="146ea9cd-88e8-4270-bc2b-da76f2ce2add" providerId="ADAL" clId="{C0FED1E5-472B-4A68-928D-86CF9751AC69}" dt="2023-04-11T03:58:26.413" v="13622"/>
          <ac:cxnSpMkLst>
            <pc:docMk/>
            <pc:sldMk cId="282199537" sldId="295"/>
            <ac:cxnSpMk id="38" creationId="{E1F5067E-EC70-51DD-A884-73BD44DD7059}"/>
          </ac:cxnSpMkLst>
        </pc:cxnChg>
        <pc:cxnChg chg="add mod">
          <ac:chgData name="Bhanu Chander V" userId="146ea9cd-88e8-4270-bc2b-da76f2ce2add" providerId="ADAL" clId="{C0FED1E5-472B-4A68-928D-86CF9751AC69}" dt="2023-04-11T03:58:55.635" v="13627" actId="14100"/>
          <ac:cxnSpMkLst>
            <pc:docMk/>
            <pc:sldMk cId="282199537" sldId="295"/>
            <ac:cxnSpMk id="39" creationId="{2F098E28-3AEC-8E0F-94B0-6AFD93E44F63}"/>
          </ac:cxnSpMkLst>
        </pc:cxnChg>
        <pc:cxnChg chg="add mod">
          <ac:chgData name="Bhanu Chander V" userId="146ea9cd-88e8-4270-bc2b-da76f2ce2add" providerId="ADAL" clId="{C0FED1E5-472B-4A68-928D-86CF9751AC69}" dt="2023-04-11T03:59:36.299" v="13631" actId="1036"/>
          <ac:cxnSpMkLst>
            <pc:docMk/>
            <pc:sldMk cId="282199537" sldId="295"/>
            <ac:cxnSpMk id="42" creationId="{81A49613-2857-826F-DFAA-91E62B2F083B}"/>
          </ac:cxnSpMkLst>
        </pc:cxnChg>
        <pc:cxnChg chg="add mod">
          <ac:chgData name="Bhanu Chander V" userId="146ea9cd-88e8-4270-bc2b-da76f2ce2add" providerId="ADAL" clId="{C0FED1E5-472B-4A68-928D-86CF9751AC69}" dt="2023-04-11T03:59:46.042" v="13634" actId="14100"/>
          <ac:cxnSpMkLst>
            <pc:docMk/>
            <pc:sldMk cId="282199537" sldId="295"/>
            <ac:cxnSpMk id="43" creationId="{1966845C-A4FE-A5A1-25D8-3445AE5F0EA4}"/>
          </ac:cxnSpMkLst>
        </pc:cxnChg>
      </pc:sldChg>
      <pc:sldChg chg="add">
        <pc:chgData name="Bhanu Chander V" userId="146ea9cd-88e8-4270-bc2b-da76f2ce2add" providerId="ADAL" clId="{C0FED1E5-472B-4A68-928D-86CF9751AC69}" dt="2023-04-10T13:52:33.818" v="12960"/>
        <pc:sldMkLst>
          <pc:docMk/>
          <pc:sldMk cId="2782257661" sldId="296"/>
        </pc:sldMkLst>
      </pc:sldChg>
      <pc:sldChg chg="new del">
        <pc:chgData name="Bhanu Chander V" userId="146ea9cd-88e8-4270-bc2b-da76f2ce2add" providerId="ADAL" clId="{C0FED1E5-472B-4A68-928D-86CF9751AC69}" dt="2023-04-10T13:49:47.527" v="12959" actId="680"/>
        <pc:sldMkLst>
          <pc:docMk/>
          <pc:sldMk cId="3740261864" sldId="296"/>
        </pc:sldMkLst>
      </pc:sldChg>
      <pc:sldChg chg="addSp delSp modSp new mod modAnim">
        <pc:chgData name="Bhanu Chander V" userId="146ea9cd-88e8-4270-bc2b-da76f2ce2add" providerId="ADAL" clId="{C0FED1E5-472B-4A68-928D-86CF9751AC69}" dt="2023-04-11T05:43:07.250" v="13872"/>
        <pc:sldMkLst>
          <pc:docMk/>
          <pc:sldMk cId="1163785373" sldId="297"/>
        </pc:sldMkLst>
        <pc:spChg chg="add mod">
          <ac:chgData name="Bhanu Chander V" userId="146ea9cd-88e8-4270-bc2b-da76f2ce2add" providerId="ADAL" clId="{C0FED1E5-472B-4A68-928D-86CF9751AC69}" dt="2023-04-10T13:58:30.852" v="13007" actId="20577"/>
          <ac:spMkLst>
            <pc:docMk/>
            <pc:sldMk cId="1163785373" sldId="297"/>
            <ac:spMk id="2" creationId="{0ADA8328-0330-FCF7-E4FA-974BAAF6D967}"/>
          </ac:spMkLst>
        </pc:spChg>
        <pc:spChg chg="add mod">
          <ac:chgData name="Bhanu Chander V" userId="146ea9cd-88e8-4270-bc2b-da76f2ce2add" providerId="ADAL" clId="{C0FED1E5-472B-4A68-928D-86CF9751AC69}" dt="2023-04-10T15:31:41.834" v="13250" actId="1076"/>
          <ac:spMkLst>
            <pc:docMk/>
            <pc:sldMk cId="1163785373" sldId="297"/>
            <ac:spMk id="4" creationId="{E8A7ACAA-6D49-D09D-AAC8-E359E1F793A8}"/>
          </ac:spMkLst>
        </pc:spChg>
        <pc:spChg chg="add mod">
          <ac:chgData name="Bhanu Chander V" userId="146ea9cd-88e8-4270-bc2b-da76f2ce2add" providerId="ADAL" clId="{C0FED1E5-472B-4A68-928D-86CF9751AC69}" dt="2023-04-10T14:24:39.154" v="13228" actId="1038"/>
          <ac:spMkLst>
            <pc:docMk/>
            <pc:sldMk cId="1163785373" sldId="297"/>
            <ac:spMk id="5" creationId="{1D4B4476-E5CA-1223-2CC8-553EA351AC13}"/>
          </ac:spMkLst>
        </pc:spChg>
        <pc:spChg chg="add mod">
          <ac:chgData name="Bhanu Chander V" userId="146ea9cd-88e8-4270-bc2b-da76f2ce2add" providerId="ADAL" clId="{C0FED1E5-472B-4A68-928D-86CF9751AC69}" dt="2023-04-10T14:24:39.154" v="13228" actId="1038"/>
          <ac:spMkLst>
            <pc:docMk/>
            <pc:sldMk cId="1163785373" sldId="297"/>
            <ac:spMk id="6" creationId="{B97703A9-64F3-5901-5D3E-D39F8758B5DD}"/>
          </ac:spMkLst>
        </pc:spChg>
        <pc:spChg chg="add mod">
          <ac:chgData name="Bhanu Chander V" userId="146ea9cd-88e8-4270-bc2b-da76f2ce2add" providerId="ADAL" clId="{C0FED1E5-472B-4A68-928D-86CF9751AC69}" dt="2023-04-10T14:24:39.154" v="13228" actId="1038"/>
          <ac:spMkLst>
            <pc:docMk/>
            <pc:sldMk cId="1163785373" sldId="297"/>
            <ac:spMk id="7" creationId="{F07D474F-6D33-2A7A-C5A9-E15DE0E07F43}"/>
          </ac:spMkLst>
        </pc:spChg>
        <pc:spChg chg="add mod">
          <ac:chgData name="Bhanu Chander V" userId="146ea9cd-88e8-4270-bc2b-da76f2ce2add" providerId="ADAL" clId="{C0FED1E5-472B-4A68-928D-86CF9751AC69}" dt="2023-04-10T15:31:53.362" v="13260" actId="1036"/>
          <ac:spMkLst>
            <pc:docMk/>
            <pc:sldMk cId="1163785373" sldId="297"/>
            <ac:spMk id="8" creationId="{AA4E12F0-C04D-F52C-1C75-1136B9381BC2}"/>
          </ac:spMkLst>
        </pc:spChg>
        <pc:spChg chg="add mod">
          <ac:chgData name="Bhanu Chander V" userId="146ea9cd-88e8-4270-bc2b-da76f2ce2add" providerId="ADAL" clId="{C0FED1E5-472B-4A68-928D-86CF9751AC69}" dt="2023-04-10T14:22:16.648" v="13175" actId="1076"/>
          <ac:spMkLst>
            <pc:docMk/>
            <pc:sldMk cId="1163785373" sldId="297"/>
            <ac:spMk id="9" creationId="{B7EFF53B-4AC1-21DC-B943-C4134CA1E09C}"/>
          </ac:spMkLst>
        </pc:spChg>
        <pc:spChg chg="add mod">
          <ac:chgData name="Bhanu Chander V" userId="146ea9cd-88e8-4270-bc2b-da76f2ce2add" providerId="ADAL" clId="{C0FED1E5-472B-4A68-928D-86CF9751AC69}" dt="2023-04-10T14:22:16.648" v="13175" actId="1076"/>
          <ac:spMkLst>
            <pc:docMk/>
            <pc:sldMk cId="1163785373" sldId="297"/>
            <ac:spMk id="10" creationId="{02327C21-48A5-15B3-D97E-E5C7C3B29849}"/>
          </ac:spMkLst>
        </pc:spChg>
        <pc:spChg chg="add mod">
          <ac:chgData name="Bhanu Chander V" userId="146ea9cd-88e8-4270-bc2b-da76f2ce2add" providerId="ADAL" clId="{C0FED1E5-472B-4A68-928D-86CF9751AC69}" dt="2023-04-10T14:22:05.132" v="13173" actId="14100"/>
          <ac:spMkLst>
            <pc:docMk/>
            <pc:sldMk cId="1163785373" sldId="297"/>
            <ac:spMk id="11" creationId="{FF2B95C7-8F2D-80E1-7C94-C280E29514C7}"/>
          </ac:spMkLst>
        </pc:spChg>
        <pc:spChg chg="add mod">
          <ac:chgData name="Bhanu Chander V" userId="146ea9cd-88e8-4270-bc2b-da76f2ce2add" providerId="ADAL" clId="{C0FED1E5-472B-4A68-928D-86CF9751AC69}" dt="2023-04-10T14:22:09.366" v="13174" actId="1076"/>
          <ac:spMkLst>
            <pc:docMk/>
            <pc:sldMk cId="1163785373" sldId="297"/>
            <ac:spMk id="12" creationId="{F3ECC4B8-79CF-BE29-DBD1-BB1008AD9C06}"/>
          </ac:spMkLst>
        </pc:spChg>
        <pc:spChg chg="add del mod">
          <ac:chgData name="Bhanu Chander V" userId="146ea9cd-88e8-4270-bc2b-da76f2ce2add" providerId="ADAL" clId="{C0FED1E5-472B-4A68-928D-86CF9751AC69}" dt="2023-04-10T14:11:51.122" v="13070" actId="478"/>
          <ac:spMkLst>
            <pc:docMk/>
            <pc:sldMk cId="1163785373" sldId="297"/>
            <ac:spMk id="13" creationId="{6B198ED6-382E-4B34-094A-E489356C12AB}"/>
          </ac:spMkLst>
        </pc:spChg>
        <pc:spChg chg="add mod">
          <ac:chgData name="Bhanu Chander V" userId="146ea9cd-88e8-4270-bc2b-da76f2ce2add" providerId="ADAL" clId="{C0FED1E5-472B-4A68-928D-86CF9751AC69}" dt="2023-04-10T14:22:20.898" v="13182" actId="1037"/>
          <ac:spMkLst>
            <pc:docMk/>
            <pc:sldMk cId="1163785373" sldId="297"/>
            <ac:spMk id="14" creationId="{F392B6CD-2FDD-07C6-373B-1D0FFF825AB2}"/>
          </ac:spMkLst>
        </pc:spChg>
        <pc:spChg chg="add mod">
          <ac:chgData name="Bhanu Chander V" userId="146ea9cd-88e8-4270-bc2b-da76f2ce2add" providerId="ADAL" clId="{C0FED1E5-472B-4A68-928D-86CF9751AC69}" dt="2023-04-10T14:24:28.242" v="13212" actId="1038"/>
          <ac:spMkLst>
            <pc:docMk/>
            <pc:sldMk cId="1163785373" sldId="297"/>
            <ac:spMk id="15" creationId="{53A15C6B-4473-1AC0-2466-5F0FACF382C2}"/>
          </ac:spMkLst>
        </pc:spChg>
        <pc:spChg chg="add mod">
          <ac:chgData name="Bhanu Chander V" userId="146ea9cd-88e8-4270-bc2b-da76f2ce2add" providerId="ADAL" clId="{C0FED1E5-472B-4A68-928D-86CF9751AC69}" dt="2023-04-10T14:24:28.242" v="13212" actId="1038"/>
          <ac:spMkLst>
            <pc:docMk/>
            <pc:sldMk cId="1163785373" sldId="297"/>
            <ac:spMk id="16" creationId="{5F83629A-95EE-6488-85CC-6E33C70927F3}"/>
          </ac:spMkLst>
        </pc:spChg>
        <pc:spChg chg="add mod">
          <ac:chgData name="Bhanu Chander V" userId="146ea9cd-88e8-4270-bc2b-da76f2ce2add" providerId="ADAL" clId="{C0FED1E5-472B-4A68-928D-86CF9751AC69}" dt="2023-04-10T14:24:28.242" v="13212" actId="1038"/>
          <ac:spMkLst>
            <pc:docMk/>
            <pc:sldMk cId="1163785373" sldId="297"/>
            <ac:spMk id="17" creationId="{9DB23422-0FE7-B154-BB58-291766E70B8B}"/>
          </ac:spMkLst>
        </pc:spChg>
        <pc:spChg chg="add mod">
          <ac:chgData name="Bhanu Chander V" userId="146ea9cd-88e8-4270-bc2b-da76f2ce2add" providerId="ADAL" clId="{C0FED1E5-472B-4A68-928D-86CF9751AC69}" dt="2023-04-10T14:24:28.242" v="13212" actId="1038"/>
          <ac:spMkLst>
            <pc:docMk/>
            <pc:sldMk cId="1163785373" sldId="297"/>
            <ac:spMk id="18" creationId="{C572DE67-82BC-D159-2BD5-B7F2609C4EE8}"/>
          </ac:spMkLst>
        </pc:spChg>
        <pc:spChg chg="add mod">
          <ac:chgData name="Bhanu Chander V" userId="146ea9cd-88e8-4270-bc2b-da76f2ce2add" providerId="ADAL" clId="{C0FED1E5-472B-4A68-928D-86CF9751AC69}" dt="2023-04-10T14:24:28.242" v="13212" actId="1038"/>
          <ac:spMkLst>
            <pc:docMk/>
            <pc:sldMk cId="1163785373" sldId="297"/>
            <ac:spMk id="19" creationId="{00F5AA3F-9B2D-6865-0C79-845BF0E02D85}"/>
          </ac:spMkLst>
        </pc:spChg>
        <pc:spChg chg="add mod">
          <ac:chgData name="Bhanu Chander V" userId="146ea9cd-88e8-4270-bc2b-da76f2ce2add" providerId="ADAL" clId="{C0FED1E5-472B-4A68-928D-86CF9751AC69}" dt="2023-04-10T14:24:14.471" v="13201" actId="1076"/>
          <ac:spMkLst>
            <pc:docMk/>
            <pc:sldMk cId="1163785373" sldId="297"/>
            <ac:spMk id="20" creationId="{C61C47FE-5D15-6781-6B9C-C91C112BD836}"/>
          </ac:spMkLst>
        </pc:spChg>
        <pc:spChg chg="add mod">
          <ac:chgData name="Bhanu Chander V" userId="146ea9cd-88e8-4270-bc2b-da76f2ce2add" providerId="ADAL" clId="{C0FED1E5-472B-4A68-928D-86CF9751AC69}" dt="2023-04-10T14:24:06.650" v="13200" actId="1076"/>
          <ac:spMkLst>
            <pc:docMk/>
            <pc:sldMk cId="1163785373" sldId="297"/>
            <ac:spMk id="21" creationId="{6B026F95-3B36-A904-0C07-58684DFF6AA4}"/>
          </ac:spMkLst>
        </pc:spChg>
        <pc:spChg chg="add mod">
          <ac:chgData name="Bhanu Chander V" userId="146ea9cd-88e8-4270-bc2b-da76f2ce2add" providerId="ADAL" clId="{C0FED1E5-472B-4A68-928D-86CF9751AC69}" dt="2023-04-10T14:23:45.857" v="13197" actId="14100"/>
          <ac:spMkLst>
            <pc:docMk/>
            <pc:sldMk cId="1163785373" sldId="297"/>
            <ac:spMk id="22" creationId="{1A9E030E-6E02-91AD-9A2F-EA56B2172F2C}"/>
          </ac:spMkLst>
        </pc:spChg>
        <pc:spChg chg="add mod">
          <ac:chgData name="Bhanu Chander V" userId="146ea9cd-88e8-4270-bc2b-da76f2ce2add" providerId="ADAL" clId="{C0FED1E5-472B-4A68-928D-86CF9751AC69}" dt="2023-04-10T14:24:01.208" v="13199" actId="14100"/>
          <ac:spMkLst>
            <pc:docMk/>
            <pc:sldMk cId="1163785373" sldId="297"/>
            <ac:spMk id="23" creationId="{30A803BB-2ACF-2C45-85EF-8288B4DA19D2}"/>
          </ac:spMkLst>
        </pc:spChg>
        <pc:spChg chg="add mod">
          <ac:chgData name="Bhanu Chander V" userId="146ea9cd-88e8-4270-bc2b-da76f2ce2add" providerId="ADAL" clId="{C0FED1E5-472B-4A68-928D-86CF9751AC69}" dt="2023-04-10T14:24:14.471" v="13201" actId="1076"/>
          <ac:spMkLst>
            <pc:docMk/>
            <pc:sldMk cId="1163785373" sldId="297"/>
            <ac:spMk id="24" creationId="{205FE786-36BD-0E67-6BFA-FDB04B6DFD8E}"/>
          </ac:spMkLst>
        </pc:spChg>
        <pc:picChg chg="add mod">
          <ac:chgData name="Bhanu Chander V" userId="146ea9cd-88e8-4270-bc2b-da76f2ce2add" providerId="ADAL" clId="{C0FED1E5-472B-4A68-928D-86CF9751AC69}" dt="2023-04-10T14:08:41.041" v="13033" actId="1076"/>
          <ac:picMkLst>
            <pc:docMk/>
            <pc:sldMk cId="1163785373" sldId="297"/>
            <ac:picMk id="1026" creationId="{5FCA1ED0-B683-7F85-A457-7FE4EA499B0A}"/>
          </ac:picMkLst>
        </pc:picChg>
        <pc:cxnChg chg="add mod">
          <ac:chgData name="Bhanu Chander V" userId="146ea9cd-88e8-4270-bc2b-da76f2ce2add" providerId="ADAL" clId="{C0FED1E5-472B-4A68-928D-86CF9751AC69}" dt="2023-04-10T13:58:21.030" v="13002"/>
          <ac:cxnSpMkLst>
            <pc:docMk/>
            <pc:sldMk cId="1163785373" sldId="297"/>
            <ac:cxnSpMk id="3" creationId="{E5E55739-D53F-14BA-22B3-AA2108997521}"/>
          </ac:cxnSpMkLst>
        </pc:cxnChg>
      </pc:sldChg>
      <pc:sldChg chg="addSp delSp modSp new del mod">
        <pc:chgData name="Bhanu Chander V" userId="146ea9cd-88e8-4270-bc2b-da76f2ce2add" providerId="ADAL" clId="{C0FED1E5-472B-4A68-928D-86CF9751AC69}" dt="2023-04-11T04:10:12.387" v="13652" actId="47"/>
        <pc:sldMkLst>
          <pc:docMk/>
          <pc:sldMk cId="1292846504" sldId="298"/>
        </pc:sldMkLst>
        <pc:spChg chg="add mod">
          <ac:chgData name="Bhanu Chander V" userId="146ea9cd-88e8-4270-bc2b-da76f2ce2add" providerId="ADAL" clId="{C0FED1E5-472B-4A68-928D-86CF9751AC69}" dt="2023-04-11T04:09:58.755" v="13649" actId="20577"/>
          <ac:spMkLst>
            <pc:docMk/>
            <pc:sldMk cId="1292846504" sldId="298"/>
            <ac:spMk id="2" creationId="{B472CD74-8D06-7B67-A5E1-E0696DC1009B}"/>
          </ac:spMkLst>
        </pc:spChg>
        <pc:cxnChg chg="add del mod">
          <ac:chgData name="Bhanu Chander V" userId="146ea9cd-88e8-4270-bc2b-da76f2ce2add" providerId="ADAL" clId="{C0FED1E5-472B-4A68-928D-86CF9751AC69}" dt="2023-04-11T04:09:17.374" v="13639" actId="478"/>
          <ac:cxnSpMkLst>
            <pc:docMk/>
            <pc:sldMk cId="1292846504" sldId="298"/>
            <ac:cxnSpMk id="3" creationId="{DDABBBEE-1102-F39E-BFEC-43BA9AE9C800}"/>
          </ac:cxnSpMkLst>
        </pc:cxnChg>
        <pc:cxnChg chg="add mod">
          <ac:chgData name="Bhanu Chander V" userId="146ea9cd-88e8-4270-bc2b-da76f2ce2add" providerId="ADAL" clId="{C0FED1E5-472B-4A68-928D-86CF9751AC69}" dt="2023-04-11T04:09:31.423" v="13640"/>
          <ac:cxnSpMkLst>
            <pc:docMk/>
            <pc:sldMk cId="1292846504" sldId="298"/>
            <ac:cxnSpMk id="4" creationId="{C5FBCD49-ADA8-671E-46A8-7F4C201B4537}"/>
          </ac:cxnSpMkLst>
        </pc:cxnChg>
      </pc:sldChg>
      <pc:sldMasterChg chg="modSp mod modSldLayout">
        <pc:chgData name="Bhanu Chander V" userId="146ea9cd-88e8-4270-bc2b-da76f2ce2add" providerId="ADAL" clId="{C0FED1E5-472B-4A68-928D-86CF9751AC69}" dt="2023-05-09T10:00:46.581" v="14304" actId="20577"/>
        <pc:sldMasterMkLst>
          <pc:docMk/>
          <pc:sldMasterMk cId="2242401632" sldId="2147483648"/>
        </pc:sldMasterMkLst>
        <pc:spChg chg="mod">
          <ac:chgData name="Bhanu Chander V" userId="146ea9cd-88e8-4270-bc2b-da76f2ce2add" providerId="ADAL" clId="{C0FED1E5-472B-4A68-928D-86CF9751AC69}" dt="2023-05-09T10:00:46.562" v="14288" actId="20577"/>
          <ac:spMkLst>
            <pc:docMk/>
            <pc:sldMasterMk cId="2242401632" sldId="2147483648"/>
            <ac:spMk id="14" creationId="{D1FCD200-65D5-439C-AECC-B22E31B69313}"/>
          </ac:spMkLst>
        </pc:spChg>
        <pc:sldLayoutChg chg="modSp mod">
          <pc:chgData name="Bhanu Chander V" userId="146ea9cd-88e8-4270-bc2b-da76f2ce2add" providerId="ADAL" clId="{C0FED1E5-472B-4A68-928D-86CF9751AC69}" dt="2023-05-09T10:00:46.565" v="14289" actId="20577"/>
          <pc:sldLayoutMkLst>
            <pc:docMk/>
            <pc:sldMasterMk cId="2242401632" sldId="2147483648"/>
            <pc:sldLayoutMk cId="3338552180" sldId="2147483649"/>
          </pc:sldLayoutMkLst>
          <pc:spChg chg="mod">
            <ac:chgData name="Bhanu Chander V" userId="146ea9cd-88e8-4270-bc2b-da76f2ce2add" providerId="ADAL" clId="{C0FED1E5-472B-4A68-928D-86CF9751AC69}" dt="2023-05-09T10:00:46.565" v="14289" actId="20577"/>
            <ac:spMkLst>
              <pc:docMk/>
              <pc:sldMasterMk cId="2242401632" sldId="2147483648"/>
              <pc:sldLayoutMk cId="3338552180" sldId="2147483649"/>
              <ac:spMk id="18" creationId="{72AFD311-4076-40D0-970F-D430967AA3D8}"/>
            </ac:spMkLst>
          </pc:spChg>
        </pc:sldLayoutChg>
        <pc:sldLayoutChg chg="modSp mod">
          <pc:chgData name="Bhanu Chander V" userId="146ea9cd-88e8-4270-bc2b-da76f2ce2add" providerId="ADAL" clId="{C0FED1E5-472B-4A68-928D-86CF9751AC69}" dt="2023-05-09T10:00:46.581" v="14295" actId="20577"/>
          <pc:sldLayoutMkLst>
            <pc:docMk/>
            <pc:sldMasterMk cId="2242401632" sldId="2147483648"/>
            <pc:sldLayoutMk cId="2362327277" sldId="2147483696"/>
          </pc:sldLayoutMkLst>
          <pc:spChg chg="mod">
            <ac:chgData name="Bhanu Chander V" userId="146ea9cd-88e8-4270-bc2b-da76f2ce2add" providerId="ADAL" clId="{C0FED1E5-472B-4A68-928D-86CF9751AC69}" dt="2023-05-09T10:00:46.581" v="14295" actId="20577"/>
            <ac:spMkLst>
              <pc:docMk/>
              <pc:sldMasterMk cId="2242401632" sldId="2147483648"/>
              <pc:sldLayoutMk cId="2362327277" sldId="2147483696"/>
              <ac:spMk id="21" creationId="{867EF0E0-86BF-44FA-AC2D-C951CA90505C}"/>
            </ac:spMkLst>
          </pc:spChg>
        </pc:sldLayoutChg>
        <pc:sldLayoutChg chg="modSp mod">
          <pc:chgData name="Bhanu Chander V" userId="146ea9cd-88e8-4270-bc2b-da76f2ce2add" providerId="ADAL" clId="{C0FED1E5-472B-4A68-928D-86CF9751AC69}" dt="2023-05-09T10:00:46.581" v="14301" actId="20577"/>
          <pc:sldLayoutMkLst>
            <pc:docMk/>
            <pc:sldMasterMk cId="2242401632" sldId="2147483648"/>
            <pc:sldLayoutMk cId="2824996737" sldId="2147483697"/>
          </pc:sldLayoutMkLst>
          <pc:spChg chg="mod">
            <ac:chgData name="Bhanu Chander V" userId="146ea9cd-88e8-4270-bc2b-da76f2ce2add" providerId="ADAL" clId="{C0FED1E5-472B-4A68-928D-86CF9751AC69}" dt="2023-05-09T10:00:46.581" v="14301" actId="20577"/>
            <ac:spMkLst>
              <pc:docMk/>
              <pc:sldMasterMk cId="2242401632" sldId="2147483648"/>
              <pc:sldLayoutMk cId="2824996737" sldId="2147483697"/>
              <ac:spMk id="23" creationId="{47C61707-0D77-48A5-9714-CB909585A68D}"/>
            </ac:spMkLst>
          </pc:spChg>
        </pc:sldLayoutChg>
        <pc:sldLayoutChg chg="modSp mod">
          <pc:chgData name="Bhanu Chander V" userId="146ea9cd-88e8-4270-bc2b-da76f2ce2add" providerId="ADAL" clId="{C0FED1E5-472B-4A68-928D-86CF9751AC69}" dt="2023-05-09T10:00:46.581" v="14292" actId="20577"/>
          <pc:sldLayoutMkLst>
            <pc:docMk/>
            <pc:sldMasterMk cId="2242401632" sldId="2147483648"/>
            <pc:sldLayoutMk cId="1630792345" sldId="2147483700"/>
          </pc:sldLayoutMkLst>
          <pc:spChg chg="mod">
            <ac:chgData name="Bhanu Chander V" userId="146ea9cd-88e8-4270-bc2b-da76f2ce2add" providerId="ADAL" clId="{C0FED1E5-472B-4A68-928D-86CF9751AC69}" dt="2023-05-09T10:00:46.581" v="14292" actId="20577"/>
            <ac:spMkLst>
              <pc:docMk/>
              <pc:sldMasterMk cId="2242401632" sldId="2147483648"/>
              <pc:sldLayoutMk cId="1630792345" sldId="2147483700"/>
              <ac:spMk id="19" creationId="{B0D0F57F-14FF-4552-BF2B-6E2C9856C84B}"/>
            </ac:spMkLst>
          </pc:spChg>
        </pc:sldLayoutChg>
        <pc:sldLayoutChg chg="modSp mod">
          <pc:chgData name="Bhanu Chander V" userId="146ea9cd-88e8-4270-bc2b-da76f2ce2add" providerId="ADAL" clId="{C0FED1E5-472B-4A68-928D-86CF9751AC69}" dt="2023-05-09T10:00:46.581" v="14298" actId="20577"/>
          <pc:sldLayoutMkLst>
            <pc:docMk/>
            <pc:sldMasterMk cId="2242401632" sldId="2147483648"/>
            <pc:sldLayoutMk cId="301784237" sldId="2147483703"/>
          </pc:sldLayoutMkLst>
          <pc:spChg chg="mod">
            <ac:chgData name="Bhanu Chander V" userId="146ea9cd-88e8-4270-bc2b-da76f2ce2add" providerId="ADAL" clId="{C0FED1E5-472B-4A68-928D-86CF9751AC69}" dt="2023-05-09T10:00:46.581" v="14298" actId="20577"/>
            <ac:spMkLst>
              <pc:docMk/>
              <pc:sldMasterMk cId="2242401632" sldId="2147483648"/>
              <pc:sldLayoutMk cId="301784237" sldId="2147483703"/>
              <ac:spMk id="19" creationId="{44496121-D0E1-4C2C-869C-41036E3F6F78}"/>
            </ac:spMkLst>
          </pc:spChg>
        </pc:sldLayoutChg>
        <pc:sldLayoutChg chg="modSp mod">
          <pc:chgData name="Bhanu Chander V" userId="146ea9cd-88e8-4270-bc2b-da76f2ce2add" providerId="ADAL" clId="{C0FED1E5-472B-4A68-928D-86CF9751AC69}" dt="2023-05-09T10:00:46.581" v="14304" actId="20577"/>
          <pc:sldLayoutMkLst>
            <pc:docMk/>
            <pc:sldMasterMk cId="2242401632" sldId="2147483648"/>
            <pc:sldLayoutMk cId="737767433" sldId="2147483704"/>
          </pc:sldLayoutMkLst>
          <pc:spChg chg="mod">
            <ac:chgData name="Bhanu Chander V" userId="146ea9cd-88e8-4270-bc2b-da76f2ce2add" providerId="ADAL" clId="{C0FED1E5-472B-4A68-928D-86CF9751AC69}" dt="2023-05-09T10:00:46.581" v="14304" actId="20577"/>
            <ac:spMkLst>
              <pc:docMk/>
              <pc:sldMasterMk cId="2242401632" sldId="2147483648"/>
              <pc:sldLayoutMk cId="737767433" sldId="2147483704"/>
              <ac:spMk id="21" creationId="{72C259B8-2007-488D-8494-693ADFA23A83}"/>
            </ac:spMkLst>
          </pc:spChg>
        </pc:sldLayoutChg>
      </pc:sldMasterChg>
      <pc:sldMasterChg chg="modSp mod">
        <pc:chgData name="Bhanu Chander V" userId="146ea9cd-88e8-4270-bc2b-da76f2ce2add" providerId="ADAL" clId="{C0FED1E5-472B-4A68-928D-86CF9751AC69}" dt="2023-05-09T10:00:46.601" v="14308" actId="20577"/>
        <pc:sldMasterMkLst>
          <pc:docMk/>
          <pc:sldMasterMk cId="1224098430" sldId="2147483729"/>
        </pc:sldMasterMkLst>
        <pc:spChg chg="mod">
          <ac:chgData name="Bhanu Chander V" userId="146ea9cd-88e8-4270-bc2b-da76f2ce2add" providerId="ADAL" clId="{C0FED1E5-472B-4A68-928D-86CF9751AC69}" dt="2023-05-09T10:00:46.601" v="14308" actId="20577"/>
          <ac:spMkLst>
            <pc:docMk/>
            <pc:sldMasterMk cId="1224098430" sldId="2147483729"/>
            <ac:spMk id="9" creationId="{5B4EBDDB-8059-6750-1C37-9FCA197287A1}"/>
          </ac:spMkLst>
        </pc:spChg>
      </pc:sldMasterChg>
    </pc:docChg>
  </pc:docChgLst>
  <pc:docChgLst>
    <pc:chgData name="Bhanu Chander V" userId="146ea9cd-88e8-4270-bc2b-da76f2ce2add" providerId="ADAL" clId="{E940DBF2-4148-4428-B00D-D13248E50D7E}"/>
    <pc:docChg chg="custSel modMainMaster">
      <pc:chgData name="Bhanu Chander V" userId="146ea9cd-88e8-4270-bc2b-da76f2ce2add" providerId="ADAL" clId="{E940DBF2-4148-4428-B00D-D13248E50D7E}" dt="2024-07-05T06:10:29.769" v="62" actId="20577"/>
      <pc:docMkLst>
        <pc:docMk/>
      </pc:docMkLst>
      <pc:sldMasterChg chg="modSp mod modSldLayout">
        <pc:chgData name="Bhanu Chander V" userId="146ea9cd-88e8-4270-bc2b-da76f2ce2add" providerId="ADAL" clId="{E940DBF2-4148-4428-B00D-D13248E50D7E}" dt="2024-07-05T06:10:29.763" v="58" actId="20577"/>
        <pc:sldMasterMkLst>
          <pc:docMk/>
          <pc:sldMasterMk cId="2242401632" sldId="2147483648"/>
        </pc:sldMasterMkLst>
        <pc:spChg chg="mod">
          <ac:chgData name="Bhanu Chander V" userId="146ea9cd-88e8-4270-bc2b-da76f2ce2add" providerId="ADAL" clId="{E940DBF2-4148-4428-B00D-D13248E50D7E}" dt="2024-07-05T06:10:29.736" v="42" actId="20577"/>
          <ac:spMkLst>
            <pc:docMk/>
            <pc:sldMasterMk cId="2242401632" sldId="2147483648"/>
            <ac:spMk id="14" creationId="{D1FCD200-65D5-439C-AECC-B22E31B69313}"/>
          </ac:spMkLst>
        </pc:spChg>
        <pc:sldLayoutChg chg="modSp mod">
          <pc:chgData name="Bhanu Chander V" userId="146ea9cd-88e8-4270-bc2b-da76f2ce2add" providerId="ADAL" clId="{E940DBF2-4148-4428-B00D-D13248E50D7E}" dt="2024-07-05T06:10:29.743" v="43" actId="20577"/>
          <pc:sldLayoutMkLst>
            <pc:docMk/>
            <pc:sldMasterMk cId="2242401632" sldId="2147483648"/>
            <pc:sldLayoutMk cId="3338552180" sldId="2147483649"/>
          </pc:sldLayoutMkLst>
          <pc:spChg chg="mod">
            <ac:chgData name="Bhanu Chander V" userId="146ea9cd-88e8-4270-bc2b-da76f2ce2add" providerId="ADAL" clId="{E940DBF2-4148-4428-B00D-D13248E50D7E}" dt="2024-07-05T06:10:29.743" v="43" actId="20577"/>
            <ac:spMkLst>
              <pc:docMk/>
              <pc:sldMasterMk cId="2242401632" sldId="2147483648"/>
              <pc:sldLayoutMk cId="3338552180" sldId="2147483649"/>
              <ac:spMk id="18" creationId="{72AFD311-4076-40D0-970F-D430967AA3D8}"/>
            </ac:spMkLst>
          </pc:spChg>
        </pc:sldLayoutChg>
        <pc:sldLayoutChg chg="modSp mod">
          <pc:chgData name="Bhanu Chander V" userId="146ea9cd-88e8-4270-bc2b-da76f2ce2add" providerId="ADAL" clId="{E940DBF2-4148-4428-B00D-D13248E50D7E}" dt="2024-07-05T06:10:29.753" v="49" actId="20577"/>
          <pc:sldLayoutMkLst>
            <pc:docMk/>
            <pc:sldMasterMk cId="2242401632" sldId="2147483648"/>
            <pc:sldLayoutMk cId="2362327277" sldId="2147483696"/>
          </pc:sldLayoutMkLst>
          <pc:spChg chg="mod">
            <ac:chgData name="Bhanu Chander V" userId="146ea9cd-88e8-4270-bc2b-da76f2ce2add" providerId="ADAL" clId="{E940DBF2-4148-4428-B00D-D13248E50D7E}" dt="2024-07-05T06:10:29.753" v="49" actId="20577"/>
            <ac:spMkLst>
              <pc:docMk/>
              <pc:sldMasterMk cId="2242401632" sldId="2147483648"/>
              <pc:sldLayoutMk cId="2362327277" sldId="2147483696"/>
              <ac:spMk id="21" creationId="{867EF0E0-86BF-44FA-AC2D-C951CA90505C}"/>
            </ac:spMkLst>
          </pc:spChg>
        </pc:sldLayoutChg>
        <pc:sldLayoutChg chg="modSp mod">
          <pc:chgData name="Bhanu Chander V" userId="146ea9cd-88e8-4270-bc2b-da76f2ce2add" providerId="ADAL" clId="{E940DBF2-4148-4428-B00D-D13248E50D7E}" dt="2024-07-05T06:10:29.760" v="55" actId="20577"/>
          <pc:sldLayoutMkLst>
            <pc:docMk/>
            <pc:sldMasterMk cId="2242401632" sldId="2147483648"/>
            <pc:sldLayoutMk cId="2824996737" sldId="2147483697"/>
          </pc:sldLayoutMkLst>
          <pc:spChg chg="mod">
            <ac:chgData name="Bhanu Chander V" userId="146ea9cd-88e8-4270-bc2b-da76f2ce2add" providerId="ADAL" clId="{E940DBF2-4148-4428-B00D-D13248E50D7E}" dt="2024-07-05T06:10:29.760" v="55" actId="20577"/>
            <ac:spMkLst>
              <pc:docMk/>
              <pc:sldMasterMk cId="2242401632" sldId="2147483648"/>
              <pc:sldLayoutMk cId="2824996737" sldId="2147483697"/>
              <ac:spMk id="23" creationId="{47C61707-0D77-48A5-9714-CB909585A68D}"/>
            </ac:spMkLst>
          </pc:spChg>
        </pc:sldLayoutChg>
        <pc:sldLayoutChg chg="modSp mod">
          <pc:chgData name="Bhanu Chander V" userId="146ea9cd-88e8-4270-bc2b-da76f2ce2add" providerId="ADAL" clId="{E940DBF2-4148-4428-B00D-D13248E50D7E}" dt="2024-07-05T06:10:29.750" v="46" actId="20577"/>
          <pc:sldLayoutMkLst>
            <pc:docMk/>
            <pc:sldMasterMk cId="2242401632" sldId="2147483648"/>
            <pc:sldLayoutMk cId="1630792345" sldId="2147483700"/>
          </pc:sldLayoutMkLst>
          <pc:spChg chg="mod">
            <ac:chgData name="Bhanu Chander V" userId="146ea9cd-88e8-4270-bc2b-da76f2ce2add" providerId="ADAL" clId="{E940DBF2-4148-4428-B00D-D13248E50D7E}" dt="2024-07-05T06:10:29.750" v="46" actId="20577"/>
            <ac:spMkLst>
              <pc:docMk/>
              <pc:sldMasterMk cId="2242401632" sldId="2147483648"/>
              <pc:sldLayoutMk cId="1630792345" sldId="2147483700"/>
              <ac:spMk id="19" creationId="{B0D0F57F-14FF-4552-BF2B-6E2C9856C84B}"/>
            </ac:spMkLst>
          </pc:spChg>
        </pc:sldLayoutChg>
        <pc:sldLayoutChg chg="modSp mod">
          <pc:chgData name="Bhanu Chander V" userId="146ea9cd-88e8-4270-bc2b-da76f2ce2add" providerId="ADAL" clId="{E940DBF2-4148-4428-B00D-D13248E50D7E}" dt="2024-07-05T06:10:29.757" v="52" actId="20577"/>
          <pc:sldLayoutMkLst>
            <pc:docMk/>
            <pc:sldMasterMk cId="2242401632" sldId="2147483648"/>
            <pc:sldLayoutMk cId="301784237" sldId="2147483703"/>
          </pc:sldLayoutMkLst>
          <pc:spChg chg="mod">
            <ac:chgData name="Bhanu Chander V" userId="146ea9cd-88e8-4270-bc2b-da76f2ce2add" providerId="ADAL" clId="{E940DBF2-4148-4428-B00D-D13248E50D7E}" dt="2024-07-05T06:10:29.757" v="52" actId="20577"/>
            <ac:spMkLst>
              <pc:docMk/>
              <pc:sldMasterMk cId="2242401632" sldId="2147483648"/>
              <pc:sldLayoutMk cId="301784237" sldId="2147483703"/>
              <ac:spMk id="19" creationId="{44496121-D0E1-4C2C-869C-41036E3F6F78}"/>
            </ac:spMkLst>
          </pc:spChg>
        </pc:sldLayoutChg>
        <pc:sldLayoutChg chg="modSp mod">
          <pc:chgData name="Bhanu Chander V" userId="146ea9cd-88e8-4270-bc2b-da76f2ce2add" providerId="ADAL" clId="{E940DBF2-4148-4428-B00D-D13248E50D7E}" dt="2024-07-05T06:10:29.763" v="58" actId="20577"/>
          <pc:sldLayoutMkLst>
            <pc:docMk/>
            <pc:sldMasterMk cId="2242401632" sldId="2147483648"/>
            <pc:sldLayoutMk cId="737767433" sldId="2147483704"/>
          </pc:sldLayoutMkLst>
          <pc:spChg chg="mod">
            <ac:chgData name="Bhanu Chander V" userId="146ea9cd-88e8-4270-bc2b-da76f2ce2add" providerId="ADAL" clId="{E940DBF2-4148-4428-B00D-D13248E50D7E}" dt="2024-07-05T06:10:29.763" v="58" actId="20577"/>
            <ac:spMkLst>
              <pc:docMk/>
              <pc:sldMasterMk cId="2242401632" sldId="2147483648"/>
              <pc:sldLayoutMk cId="737767433" sldId="2147483704"/>
              <ac:spMk id="21" creationId="{72C259B8-2007-488D-8494-693ADFA23A83}"/>
            </ac:spMkLst>
          </pc:spChg>
        </pc:sldLayoutChg>
      </pc:sldMasterChg>
      <pc:sldMasterChg chg="modSp mod">
        <pc:chgData name="Bhanu Chander V" userId="146ea9cd-88e8-4270-bc2b-da76f2ce2add" providerId="ADAL" clId="{E940DBF2-4148-4428-B00D-D13248E50D7E}" dt="2024-07-05T06:10:29.769" v="62" actId="20577"/>
        <pc:sldMasterMkLst>
          <pc:docMk/>
          <pc:sldMasterMk cId="1224098430" sldId="2147483729"/>
        </pc:sldMasterMkLst>
        <pc:spChg chg="mod">
          <ac:chgData name="Bhanu Chander V" userId="146ea9cd-88e8-4270-bc2b-da76f2ce2add" providerId="ADAL" clId="{E940DBF2-4148-4428-B00D-D13248E50D7E}" dt="2024-07-05T06:10:29.769" v="62" actId="20577"/>
          <ac:spMkLst>
            <pc:docMk/>
            <pc:sldMasterMk cId="1224098430" sldId="2147483729"/>
            <ac:spMk id="9" creationId="{5B4EBDDB-8059-6750-1C37-9FCA197287A1}"/>
          </ac:spMkLst>
        </pc:spChg>
      </pc:sldMaster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https://abb-my.sharepoint.com/personal/bhanu-chander_v_in_abb_com/Documents/Bhanu%20Work%20Files/Expert%20Operator%20POC%202/streaming_data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600" b="1" i="0" u="none" strike="noStrike" kern="1200" spc="100" baseline="0">
                <a:solidFill>
                  <a:schemeClr val="lt1">
                    <a:lumMod val="95000"/>
                  </a:schemeClr>
                </a:solidFill>
                <a:effectLst>
                  <a:outerShdw blurRad="50800" dist="38100" dir="5400000" algn="t" rotWithShape="0">
                    <a:prstClr val="black">
                      <a:alpha val="40000"/>
                    </a:prstClr>
                  </a:outerShdw>
                </a:effectLst>
                <a:latin typeface="+mn-lt"/>
                <a:ea typeface="+mn-ea"/>
                <a:cs typeface="+mn-cs"/>
              </a:defRPr>
            </a:pPr>
            <a:r>
              <a:rPr lang="en-US" sz="1600"/>
              <a:t>Sample Data collected with time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1" i="0" u="none" strike="noStrike" kern="1200" spc="100" baseline="0">
              <a:solidFill>
                <a:schemeClr val="lt1">
                  <a:lumMod val="95000"/>
                </a:schemeClr>
              </a:solidFill>
              <a:effectLst>
                <a:outerShdw blurRad="50800" dist="38100" dir="5400000" algn="t" rotWithShape="0">
                  <a:prstClr val="black">
                    <a:alpha val="40000"/>
                  </a:prstClr>
                </a:outerShdw>
              </a:effectLst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scatterChart>
        <c:scatterStyle val="smoothMarker"/>
        <c:varyColors val="0"/>
        <c:ser>
          <c:idx val="0"/>
          <c:order val="0"/>
          <c:spPr>
            <a:ln w="25400" cap="rnd">
              <a:solidFill>
                <a:srgbClr val="FFFF00"/>
              </a:solidFill>
              <a:round/>
            </a:ln>
            <a:effectLst>
              <a:outerShdw blurRad="40000" dist="23000" dir="5400000" rotWithShape="0">
                <a:srgbClr val="000000">
                  <a:alpha val="35000"/>
                </a:srgbClr>
              </a:outerShdw>
            </a:effectLst>
          </c:spPr>
          <c:marker>
            <c:symbol val="none"/>
          </c:marker>
          <c:xVal>
            <c:numRef>
              <c:f>Sheet2!$B$10:$B$280</c:f>
              <c:numCache>
                <c:formatCode>General</c:formatCode>
                <c:ptCount val="271"/>
                <c:pt idx="0">
                  <c:v>1</c:v>
                </c:pt>
                <c:pt idx="1">
                  <c:v>2</c:v>
                </c:pt>
                <c:pt idx="2">
                  <c:v>3</c:v>
                </c:pt>
                <c:pt idx="3">
                  <c:v>4</c:v>
                </c:pt>
                <c:pt idx="4">
                  <c:v>5</c:v>
                </c:pt>
                <c:pt idx="5">
                  <c:v>6</c:v>
                </c:pt>
                <c:pt idx="6">
                  <c:v>7</c:v>
                </c:pt>
                <c:pt idx="7">
                  <c:v>8</c:v>
                </c:pt>
                <c:pt idx="8">
                  <c:v>9</c:v>
                </c:pt>
                <c:pt idx="9">
                  <c:v>10</c:v>
                </c:pt>
                <c:pt idx="10">
                  <c:v>11</c:v>
                </c:pt>
                <c:pt idx="11">
                  <c:v>12</c:v>
                </c:pt>
                <c:pt idx="12">
                  <c:v>13</c:v>
                </c:pt>
                <c:pt idx="13">
                  <c:v>14</c:v>
                </c:pt>
                <c:pt idx="14">
                  <c:v>15</c:v>
                </c:pt>
                <c:pt idx="15">
                  <c:v>16</c:v>
                </c:pt>
                <c:pt idx="16">
                  <c:v>17</c:v>
                </c:pt>
                <c:pt idx="17">
                  <c:v>18</c:v>
                </c:pt>
                <c:pt idx="18">
                  <c:v>19</c:v>
                </c:pt>
                <c:pt idx="19">
                  <c:v>20</c:v>
                </c:pt>
                <c:pt idx="20">
                  <c:v>21</c:v>
                </c:pt>
                <c:pt idx="21">
                  <c:v>22</c:v>
                </c:pt>
                <c:pt idx="22">
                  <c:v>23</c:v>
                </c:pt>
                <c:pt idx="23">
                  <c:v>24</c:v>
                </c:pt>
                <c:pt idx="24">
                  <c:v>25</c:v>
                </c:pt>
                <c:pt idx="25">
                  <c:v>26</c:v>
                </c:pt>
                <c:pt idx="26">
                  <c:v>27</c:v>
                </c:pt>
                <c:pt idx="27">
                  <c:v>28</c:v>
                </c:pt>
                <c:pt idx="28">
                  <c:v>29</c:v>
                </c:pt>
                <c:pt idx="29">
                  <c:v>30</c:v>
                </c:pt>
                <c:pt idx="30">
                  <c:v>31</c:v>
                </c:pt>
                <c:pt idx="31">
                  <c:v>32</c:v>
                </c:pt>
                <c:pt idx="32">
                  <c:v>33</c:v>
                </c:pt>
                <c:pt idx="33">
                  <c:v>34</c:v>
                </c:pt>
                <c:pt idx="34">
                  <c:v>35</c:v>
                </c:pt>
                <c:pt idx="35">
                  <c:v>36</c:v>
                </c:pt>
                <c:pt idx="36">
                  <c:v>37</c:v>
                </c:pt>
                <c:pt idx="37">
                  <c:v>38</c:v>
                </c:pt>
                <c:pt idx="38">
                  <c:v>39</c:v>
                </c:pt>
                <c:pt idx="39">
                  <c:v>40</c:v>
                </c:pt>
                <c:pt idx="40">
                  <c:v>41</c:v>
                </c:pt>
                <c:pt idx="41">
                  <c:v>42</c:v>
                </c:pt>
                <c:pt idx="42">
                  <c:v>43</c:v>
                </c:pt>
                <c:pt idx="43">
                  <c:v>44</c:v>
                </c:pt>
                <c:pt idx="44">
                  <c:v>45</c:v>
                </c:pt>
                <c:pt idx="45">
                  <c:v>46</c:v>
                </c:pt>
                <c:pt idx="46">
                  <c:v>47</c:v>
                </c:pt>
                <c:pt idx="47">
                  <c:v>48</c:v>
                </c:pt>
                <c:pt idx="48">
                  <c:v>49</c:v>
                </c:pt>
                <c:pt idx="49">
                  <c:v>50</c:v>
                </c:pt>
                <c:pt idx="50">
                  <c:v>51</c:v>
                </c:pt>
                <c:pt idx="51">
                  <c:v>52</c:v>
                </c:pt>
                <c:pt idx="52">
                  <c:v>53</c:v>
                </c:pt>
                <c:pt idx="53">
                  <c:v>54</c:v>
                </c:pt>
                <c:pt idx="54">
                  <c:v>55</c:v>
                </c:pt>
                <c:pt idx="55">
                  <c:v>56</c:v>
                </c:pt>
                <c:pt idx="56">
                  <c:v>57</c:v>
                </c:pt>
                <c:pt idx="57">
                  <c:v>58</c:v>
                </c:pt>
                <c:pt idx="58">
                  <c:v>59</c:v>
                </c:pt>
                <c:pt idx="59">
                  <c:v>60</c:v>
                </c:pt>
                <c:pt idx="60">
                  <c:v>61</c:v>
                </c:pt>
                <c:pt idx="61">
                  <c:v>62</c:v>
                </c:pt>
                <c:pt idx="62">
                  <c:v>63</c:v>
                </c:pt>
                <c:pt idx="63">
                  <c:v>64</c:v>
                </c:pt>
                <c:pt idx="64">
                  <c:v>65</c:v>
                </c:pt>
                <c:pt idx="65">
                  <c:v>66</c:v>
                </c:pt>
                <c:pt idx="66">
                  <c:v>67</c:v>
                </c:pt>
                <c:pt idx="67">
                  <c:v>68</c:v>
                </c:pt>
                <c:pt idx="68">
                  <c:v>69</c:v>
                </c:pt>
                <c:pt idx="69">
                  <c:v>70</c:v>
                </c:pt>
                <c:pt idx="70">
                  <c:v>71</c:v>
                </c:pt>
                <c:pt idx="71">
                  <c:v>72</c:v>
                </c:pt>
                <c:pt idx="72">
                  <c:v>73</c:v>
                </c:pt>
                <c:pt idx="73">
                  <c:v>74</c:v>
                </c:pt>
                <c:pt idx="74">
                  <c:v>75</c:v>
                </c:pt>
                <c:pt idx="75">
                  <c:v>76</c:v>
                </c:pt>
                <c:pt idx="76">
                  <c:v>77</c:v>
                </c:pt>
                <c:pt idx="77">
                  <c:v>78</c:v>
                </c:pt>
                <c:pt idx="78">
                  <c:v>79</c:v>
                </c:pt>
                <c:pt idx="79">
                  <c:v>80</c:v>
                </c:pt>
                <c:pt idx="80">
                  <c:v>81</c:v>
                </c:pt>
                <c:pt idx="81">
                  <c:v>82</c:v>
                </c:pt>
                <c:pt idx="82">
                  <c:v>83</c:v>
                </c:pt>
                <c:pt idx="83">
                  <c:v>84</c:v>
                </c:pt>
                <c:pt idx="84">
                  <c:v>85</c:v>
                </c:pt>
                <c:pt idx="85">
                  <c:v>86</c:v>
                </c:pt>
                <c:pt idx="86">
                  <c:v>87</c:v>
                </c:pt>
                <c:pt idx="87">
                  <c:v>88</c:v>
                </c:pt>
                <c:pt idx="88">
                  <c:v>89</c:v>
                </c:pt>
                <c:pt idx="89">
                  <c:v>90</c:v>
                </c:pt>
                <c:pt idx="90">
                  <c:v>91</c:v>
                </c:pt>
                <c:pt idx="91">
                  <c:v>92</c:v>
                </c:pt>
                <c:pt idx="92">
                  <c:v>93</c:v>
                </c:pt>
                <c:pt idx="93">
                  <c:v>94</c:v>
                </c:pt>
                <c:pt idx="94">
                  <c:v>95</c:v>
                </c:pt>
                <c:pt idx="95">
                  <c:v>96</c:v>
                </c:pt>
                <c:pt idx="96">
                  <c:v>97</c:v>
                </c:pt>
                <c:pt idx="97">
                  <c:v>98</c:v>
                </c:pt>
                <c:pt idx="98">
                  <c:v>99</c:v>
                </c:pt>
                <c:pt idx="99">
                  <c:v>100</c:v>
                </c:pt>
                <c:pt idx="100">
                  <c:v>101</c:v>
                </c:pt>
                <c:pt idx="101">
                  <c:v>102</c:v>
                </c:pt>
                <c:pt idx="102">
                  <c:v>103</c:v>
                </c:pt>
                <c:pt idx="103">
                  <c:v>104</c:v>
                </c:pt>
                <c:pt idx="104">
                  <c:v>105</c:v>
                </c:pt>
                <c:pt idx="105">
                  <c:v>106</c:v>
                </c:pt>
                <c:pt idx="106">
                  <c:v>107</c:v>
                </c:pt>
                <c:pt idx="107">
                  <c:v>108</c:v>
                </c:pt>
                <c:pt idx="108">
                  <c:v>109</c:v>
                </c:pt>
                <c:pt idx="109">
                  <c:v>110</c:v>
                </c:pt>
                <c:pt idx="110">
                  <c:v>111</c:v>
                </c:pt>
                <c:pt idx="111">
                  <c:v>112</c:v>
                </c:pt>
                <c:pt idx="112">
                  <c:v>113</c:v>
                </c:pt>
                <c:pt idx="113">
                  <c:v>114</c:v>
                </c:pt>
                <c:pt idx="114">
                  <c:v>115</c:v>
                </c:pt>
                <c:pt idx="115">
                  <c:v>116</c:v>
                </c:pt>
                <c:pt idx="116">
                  <c:v>117</c:v>
                </c:pt>
                <c:pt idx="117">
                  <c:v>118</c:v>
                </c:pt>
                <c:pt idx="118">
                  <c:v>119</c:v>
                </c:pt>
                <c:pt idx="119">
                  <c:v>120</c:v>
                </c:pt>
                <c:pt idx="120">
                  <c:v>121</c:v>
                </c:pt>
                <c:pt idx="121">
                  <c:v>122</c:v>
                </c:pt>
                <c:pt idx="122">
                  <c:v>123</c:v>
                </c:pt>
                <c:pt idx="123">
                  <c:v>124</c:v>
                </c:pt>
                <c:pt idx="124">
                  <c:v>125</c:v>
                </c:pt>
                <c:pt idx="125">
                  <c:v>126</c:v>
                </c:pt>
                <c:pt idx="126">
                  <c:v>127</c:v>
                </c:pt>
                <c:pt idx="127">
                  <c:v>128</c:v>
                </c:pt>
                <c:pt idx="128">
                  <c:v>129</c:v>
                </c:pt>
                <c:pt idx="129">
                  <c:v>130</c:v>
                </c:pt>
                <c:pt idx="130">
                  <c:v>131</c:v>
                </c:pt>
                <c:pt idx="131">
                  <c:v>132</c:v>
                </c:pt>
                <c:pt idx="132">
                  <c:v>133</c:v>
                </c:pt>
                <c:pt idx="133">
                  <c:v>134</c:v>
                </c:pt>
                <c:pt idx="134">
                  <c:v>135</c:v>
                </c:pt>
                <c:pt idx="135">
                  <c:v>136</c:v>
                </c:pt>
                <c:pt idx="136">
                  <c:v>137</c:v>
                </c:pt>
                <c:pt idx="137">
                  <c:v>138</c:v>
                </c:pt>
                <c:pt idx="138">
                  <c:v>139</c:v>
                </c:pt>
                <c:pt idx="139">
                  <c:v>140</c:v>
                </c:pt>
                <c:pt idx="140">
                  <c:v>141</c:v>
                </c:pt>
                <c:pt idx="141">
                  <c:v>142</c:v>
                </c:pt>
                <c:pt idx="142">
                  <c:v>143</c:v>
                </c:pt>
                <c:pt idx="143">
                  <c:v>144</c:v>
                </c:pt>
                <c:pt idx="144">
                  <c:v>145</c:v>
                </c:pt>
                <c:pt idx="145">
                  <c:v>146</c:v>
                </c:pt>
                <c:pt idx="146">
                  <c:v>147</c:v>
                </c:pt>
                <c:pt idx="147">
                  <c:v>148</c:v>
                </c:pt>
                <c:pt idx="148">
                  <c:v>149</c:v>
                </c:pt>
                <c:pt idx="149">
                  <c:v>150</c:v>
                </c:pt>
                <c:pt idx="150">
                  <c:v>151</c:v>
                </c:pt>
                <c:pt idx="151">
                  <c:v>152</c:v>
                </c:pt>
                <c:pt idx="152">
                  <c:v>153</c:v>
                </c:pt>
                <c:pt idx="153">
                  <c:v>154</c:v>
                </c:pt>
                <c:pt idx="154">
                  <c:v>155</c:v>
                </c:pt>
                <c:pt idx="155">
                  <c:v>156</c:v>
                </c:pt>
                <c:pt idx="156">
                  <c:v>157</c:v>
                </c:pt>
                <c:pt idx="157">
                  <c:v>158</c:v>
                </c:pt>
                <c:pt idx="158">
                  <c:v>159</c:v>
                </c:pt>
                <c:pt idx="159">
                  <c:v>160</c:v>
                </c:pt>
                <c:pt idx="160">
                  <c:v>161</c:v>
                </c:pt>
                <c:pt idx="161">
                  <c:v>162</c:v>
                </c:pt>
                <c:pt idx="162">
                  <c:v>163</c:v>
                </c:pt>
                <c:pt idx="163">
                  <c:v>164</c:v>
                </c:pt>
                <c:pt idx="164">
                  <c:v>165</c:v>
                </c:pt>
                <c:pt idx="165">
                  <c:v>166</c:v>
                </c:pt>
                <c:pt idx="166">
                  <c:v>167</c:v>
                </c:pt>
                <c:pt idx="167">
                  <c:v>168</c:v>
                </c:pt>
                <c:pt idx="168">
                  <c:v>169</c:v>
                </c:pt>
                <c:pt idx="169">
                  <c:v>170</c:v>
                </c:pt>
                <c:pt idx="170">
                  <c:v>171</c:v>
                </c:pt>
                <c:pt idx="171">
                  <c:v>172</c:v>
                </c:pt>
                <c:pt idx="172">
                  <c:v>173</c:v>
                </c:pt>
                <c:pt idx="173">
                  <c:v>174</c:v>
                </c:pt>
                <c:pt idx="174">
                  <c:v>175</c:v>
                </c:pt>
                <c:pt idx="175">
                  <c:v>176</c:v>
                </c:pt>
                <c:pt idx="176">
                  <c:v>177</c:v>
                </c:pt>
                <c:pt idx="177">
                  <c:v>178</c:v>
                </c:pt>
                <c:pt idx="178">
                  <c:v>179</c:v>
                </c:pt>
                <c:pt idx="179">
                  <c:v>180</c:v>
                </c:pt>
                <c:pt idx="180">
                  <c:v>181</c:v>
                </c:pt>
                <c:pt idx="181">
                  <c:v>182</c:v>
                </c:pt>
                <c:pt idx="182">
                  <c:v>183</c:v>
                </c:pt>
                <c:pt idx="183">
                  <c:v>184</c:v>
                </c:pt>
                <c:pt idx="184">
                  <c:v>185</c:v>
                </c:pt>
                <c:pt idx="185">
                  <c:v>186</c:v>
                </c:pt>
                <c:pt idx="186">
                  <c:v>187</c:v>
                </c:pt>
                <c:pt idx="187">
                  <c:v>188</c:v>
                </c:pt>
                <c:pt idx="188">
                  <c:v>189</c:v>
                </c:pt>
                <c:pt idx="189">
                  <c:v>190</c:v>
                </c:pt>
                <c:pt idx="190">
                  <c:v>191</c:v>
                </c:pt>
                <c:pt idx="191">
                  <c:v>192</c:v>
                </c:pt>
                <c:pt idx="192">
                  <c:v>193</c:v>
                </c:pt>
                <c:pt idx="193">
                  <c:v>194</c:v>
                </c:pt>
                <c:pt idx="194">
                  <c:v>195</c:v>
                </c:pt>
                <c:pt idx="195">
                  <c:v>196</c:v>
                </c:pt>
                <c:pt idx="196">
                  <c:v>197</c:v>
                </c:pt>
                <c:pt idx="197">
                  <c:v>198</c:v>
                </c:pt>
                <c:pt idx="198">
                  <c:v>199</c:v>
                </c:pt>
                <c:pt idx="199">
                  <c:v>200</c:v>
                </c:pt>
                <c:pt idx="200">
                  <c:v>201</c:v>
                </c:pt>
                <c:pt idx="201">
                  <c:v>202</c:v>
                </c:pt>
                <c:pt idx="202">
                  <c:v>203</c:v>
                </c:pt>
                <c:pt idx="203">
                  <c:v>204</c:v>
                </c:pt>
                <c:pt idx="204">
                  <c:v>205</c:v>
                </c:pt>
                <c:pt idx="205">
                  <c:v>206</c:v>
                </c:pt>
                <c:pt idx="206">
                  <c:v>207</c:v>
                </c:pt>
                <c:pt idx="207">
                  <c:v>208</c:v>
                </c:pt>
                <c:pt idx="208">
                  <c:v>209</c:v>
                </c:pt>
                <c:pt idx="209">
                  <c:v>210</c:v>
                </c:pt>
                <c:pt idx="210">
                  <c:v>211</c:v>
                </c:pt>
                <c:pt idx="211">
                  <c:v>212</c:v>
                </c:pt>
                <c:pt idx="212">
                  <c:v>213</c:v>
                </c:pt>
                <c:pt idx="213">
                  <c:v>214</c:v>
                </c:pt>
                <c:pt idx="214">
                  <c:v>215</c:v>
                </c:pt>
                <c:pt idx="215">
                  <c:v>216</c:v>
                </c:pt>
                <c:pt idx="216">
                  <c:v>217</c:v>
                </c:pt>
                <c:pt idx="217">
                  <c:v>218</c:v>
                </c:pt>
                <c:pt idx="218">
                  <c:v>219</c:v>
                </c:pt>
                <c:pt idx="219">
                  <c:v>220</c:v>
                </c:pt>
                <c:pt idx="220">
                  <c:v>221</c:v>
                </c:pt>
                <c:pt idx="221">
                  <c:v>222</c:v>
                </c:pt>
                <c:pt idx="222">
                  <c:v>223</c:v>
                </c:pt>
                <c:pt idx="223">
                  <c:v>224</c:v>
                </c:pt>
                <c:pt idx="224">
                  <c:v>225</c:v>
                </c:pt>
                <c:pt idx="225">
                  <c:v>226</c:v>
                </c:pt>
                <c:pt idx="226">
                  <c:v>227</c:v>
                </c:pt>
                <c:pt idx="227">
                  <c:v>228</c:v>
                </c:pt>
                <c:pt idx="228">
                  <c:v>229</c:v>
                </c:pt>
                <c:pt idx="229">
                  <c:v>230</c:v>
                </c:pt>
                <c:pt idx="230">
                  <c:v>231</c:v>
                </c:pt>
                <c:pt idx="231">
                  <c:v>232</c:v>
                </c:pt>
                <c:pt idx="232">
                  <c:v>233</c:v>
                </c:pt>
                <c:pt idx="233">
                  <c:v>234</c:v>
                </c:pt>
                <c:pt idx="234">
                  <c:v>235</c:v>
                </c:pt>
                <c:pt idx="235">
                  <c:v>236</c:v>
                </c:pt>
                <c:pt idx="236">
                  <c:v>237</c:v>
                </c:pt>
                <c:pt idx="237">
                  <c:v>238</c:v>
                </c:pt>
                <c:pt idx="238">
                  <c:v>239</c:v>
                </c:pt>
                <c:pt idx="239">
                  <c:v>240</c:v>
                </c:pt>
                <c:pt idx="240">
                  <c:v>241</c:v>
                </c:pt>
                <c:pt idx="241">
                  <c:v>242</c:v>
                </c:pt>
                <c:pt idx="242">
                  <c:v>243</c:v>
                </c:pt>
                <c:pt idx="243">
                  <c:v>244</c:v>
                </c:pt>
                <c:pt idx="244">
                  <c:v>245</c:v>
                </c:pt>
                <c:pt idx="245">
                  <c:v>246</c:v>
                </c:pt>
                <c:pt idx="246">
                  <c:v>247</c:v>
                </c:pt>
                <c:pt idx="247">
                  <c:v>248</c:v>
                </c:pt>
                <c:pt idx="248">
                  <c:v>249</c:v>
                </c:pt>
                <c:pt idx="249">
                  <c:v>250</c:v>
                </c:pt>
                <c:pt idx="250">
                  <c:v>251</c:v>
                </c:pt>
                <c:pt idx="251">
                  <c:v>252</c:v>
                </c:pt>
                <c:pt idx="252">
                  <c:v>253</c:v>
                </c:pt>
                <c:pt idx="253">
                  <c:v>254</c:v>
                </c:pt>
                <c:pt idx="254">
                  <c:v>255</c:v>
                </c:pt>
                <c:pt idx="255">
                  <c:v>256</c:v>
                </c:pt>
                <c:pt idx="256">
                  <c:v>257</c:v>
                </c:pt>
                <c:pt idx="257">
                  <c:v>258</c:v>
                </c:pt>
                <c:pt idx="258">
                  <c:v>259</c:v>
                </c:pt>
                <c:pt idx="259">
                  <c:v>260</c:v>
                </c:pt>
                <c:pt idx="260">
                  <c:v>261</c:v>
                </c:pt>
                <c:pt idx="261">
                  <c:v>262</c:v>
                </c:pt>
                <c:pt idx="262">
                  <c:v>263</c:v>
                </c:pt>
                <c:pt idx="263">
                  <c:v>264</c:v>
                </c:pt>
                <c:pt idx="264">
                  <c:v>265</c:v>
                </c:pt>
                <c:pt idx="265">
                  <c:v>266</c:v>
                </c:pt>
                <c:pt idx="266">
                  <c:v>267</c:v>
                </c:pt>
                <c:pt idx="267">
                  <c:v>268</c:v>
                </c:pt>
                <c:pt idx="268">
                  <c:v>269</c:v>
                </c:pt>
                <c:pt idx="269">
                  <c:v>270</c:v>
                </c:pt>
                <c:pt idx="270">
                  <c:v>271</c:v>
                </c:pt>
              </c:numCache>
            </c:numRef>
          </c:xVal>
          <c:yVal>
            <c:numRef>
              <c:f>Sheet2!$C$10:$C$280</c:f>
              <c:numCache>
                <c:formatCode>General</c:formatCode>
                <c:ptCount val="271"/>
                <c:pt idx="0">
                  <c:v>-1</c:v>
                </c:pt>
                <c:pt idx="1">
                  <c:v>2</c:v>
                </c:pt>
                <c:pt idx="2">
                  <c:v>9</c:v>
                </c:pt>
                <c:pt idx="3">
                  <c:v>20</c:v>
                </c:pt>
                <c:pt idx="4">
                  <c:v>35</c:v>
                </c:pt>
                <c:pt idx="5">
                  <c:v>54</c:v>
                </c:pt>
                <c:pt idx="6">
                  <c:v>77</c:v>
                </c:pt>
                <c:pt idx="7">
                  <c:v>104</c:v>
                </c:pt>
                <c:pt idx="8">
                  <c:v>135</c:v>
                </c:pt>
                <c:pt idx="9">
                  <c:v>170</c:v>
                </c:pt>
                <c:pt idx="10">
                  <c:v>209</c:v>
                </c:pt>
                <c:pt idx="11">
                  <c:v>252</c:v>
                </c:pt>
                <c:pt idx="12">
                  <c:v>299</c:v>
                </c:pt>
                <c:pt idx="13">
                  <c:v>350</c:v>
                </c:pt>
                <c:pt idx="14">
                  <c:v>405</c:v>
                </c:pt>
                <c:pt idx="15">
                  <c:v>464</c:v>
                </c:pt>
                <c:pt idx="16">
                  <c:v>527</c:v>
                </c:pt>
                <c:pt idx="17">
                  <c:v>594</c:v>
                </c:pt>
                <c:pt idx="18">
                  <c:v>665</c:v>
                </c:pt>
                <c:pt idx="19">
                  <c:v>740</c:v>
                </c:pt>
                <c:pt idx="20">
                  <c:v>819</c:v>
                </c:pt>
                <c:pt idx="21">
                  <c:v>902</c:v>
                </c:pt>
                <c:pt idx="22">
                  <c:v>989</c:v>
                </c:pt>
                <c:pt idx="23">
                  <c:v>1080</c:v>
                </c:pt>
                <c:pt idx="24">
                  <c:v>1175</c:v>
                </c:pt>
                <c:pt idx="25">
                  <c:v>1274</c:v>
                </c:pt>
                <c:pt idx="26">
                  <c:v>1377</c:v>
                </c:pt>
                <c:pt idx="27">
                  <c:v>1484</c:v>
                </c:pt>
                <c:pt idx="28">
                  <c:v>1595</c:v>
                </c:pt>
                <c:pt idx="29">
                  <c:v>1710</c:v>
                </c:pt>
                <c:pt idx="30">
                  <c:v>1829</c:v>
                </c:pt>
                <c:pt idx="31">
                  <c:v>1952</c:v>
                </c:pt>
                <c:pt idx="32">
                  <c:v>2079</c:v>
                </c:pt>
                <c:pt idx="33" formatCode="d\-mmm\-yy">
                  <c:v>44987</c:v>
                </c:pt>
                <c:pt idx="34">
                  <c:v>2345</c:v>
                </c:pt>
                <c:pt idx="35">
                  <c:v>2484</c:v>
                </c:pt>
                <c:pt idx="36">
                  <c:v>2627</c:v>
                </c:pt>
                <c:pt idx="37">
                  <c:v>2774</c:v>
                </c:pt>
                <c:pt idx="38">
                  <c:v>2925</c:v>
                </c:pt>
                <c:pt idx="39">
                  <c:v>3080</c:v>
                </c:pt>
                <c:pt idx="40">
                  <c:v>3239</c:v>
                </c:pt>
                <c:pt idx="41">
                  <c:v>3402</c:v>
                </c:pt>
                <c:pt idx="42">
                  <c:v>3569</c:v>
                </c:pt>
                <c:pt idx="43">
                  <c:v>3740</c:v>
                </c:pt>
                <c:pt idx="44">
                  <c:v>3915</c:v>
                </c:pt>
                <c:pt idx="45">
                  <c:v>4094</c:v>
                </c:pt>
                <c:pt idx="46">
                  <c:v>4277</c:v>
                </c:pt>
                <c:pt idx="47">
                  <c:v>4464</c:v>
                </c:pt>
                <c:pt idx="48">
                  <c:v>4655</c:v>
                </c:pt>
                <c:pt idx="49">
                  <c:v>4850</c:v>
                </c:pt>
                <c:pt idx="50">
                  <c:v>5049</c:v>
                </c:pt>
                <c:pt idx="51">
                  <c:v>5252</c:v>
                </c:pt>
                <c:pt idx="52" formatCode="mmm\-yy">
                  <c:v>0</c:v>
                </c:pt>
                <c:pt idx="53">
                  <c:v>5670</c:v>
                </c:pt>
                <c:pt idx="54">
                  <c:v>5885</c:v>
                </c:pt>
                <c:pt idx="55">
                  <c:v>6104</c:v>
                </c:pt>
                <c:pt idx="56">
                  <c:v>6327</c:v>
                </c:pt>
                <c:pt idx="57">
                  <c:v>6554</c:v>
                </c:pt>
                <c:pt idx="58">
                  <c:v>6785</c:v>
                </c:pt>
                <c:pt idx="59">
                  <c:v>7020</c:v>
                </c:pt>
                <c:pt idx="60">
                  <c:v>7259</c:v>
                </c:pt>
                <c:pt idx="61">
                  <c:v>7502</c:v>
                </c:pt>
                <c:pt idx="62">
                  <c:v>7749</c:v>
                </c:pt>
                <c:pt idx="63">
                  <c:v>8000</c:v>
                </c:pt>
                <c:pt idx="64">
                  <c:v>0</c:v>
                </c:pt>
                <c:pt idx="65">
                  <c:v>0</c:v>
                </c:pt>
                <c:pt idx="66">
                  <c:v>8777</c:v>
                </c:pt>
                <c:pt idx="67">
                  <c:v>9044</c:v>
                </c:pt>
                <c:pt idx="68">
                  <c:v>9315</c:v>
                </c:pt>
                <c:pt idx="69">
                  <c:v>9590</c:v>
                </c:pt>
                <c:pt idx="70">
                  <c:v>9869</c:v>
                </c:pt>
                <c:pt idx="71">
                  <c:v>10152</c:v>
                </c:pt>
                <c:pt idx="72">
                  <c:v>10439</c:v>
                </c:pt>
                <c:pt idx="73">
                  <c:v>10730</c:v>
                </c:pt>
                <c:pt idx="74">
                  <c:v>11025</c:v>
                </c:pt>
                <c:pt idx="75">
                  <c:v>11324</c:v>
                </c:pt>
                <c:pt idx="76">
                  <c:v>11627</c:v>
                </c:pt>
                <c:pt idx="77">
                  <c:v>11934</c:v>
                </c:pt>
                <c:pt idx="78">
                  <c:v>12245</c:v>
                </c:pt>
                <c:pt idx="79">
                  <c:v>12560</c:v>
                </c:pt>
                <c:pt idx="80">
                  <c:v>12879</c:v>
                </c:pt>
                <c:pt idx="81">
                  <c:v>0</c:v>
                </c:pt>
                <c:pt idx="82">
                  <c:v>13529</c:v>
                </c:pt>
                <c:pt idx="83">
                  <c:v>13860</c:v>
                </c:pt>
                <c:pt idx="84">
                  <c:v>14195</c:v>
                </c:pt>
                <c:pt idx="85">
                  <c:v>14534</c:v>
                </c:pt>
                <c:pt idx="86">
                  <c:v>14877</c:v>
                </c:pt>
                <c:pt idx="87">
                  <c:v>15224</c:v>
                </c:pt>
                <c:pt idx="88">
                  <c:v>15575</c:v>
                </c:pt>
                <c:pt idx="89">
                  <c:v>15930</c:v>
                </c:pt>
                <c:pt idx="90">
                  <c:v>16289</c:v>
                </c:pt>
                <c:pt idx="91">
                  <c:v>16652</c:v>
                </c:pt>
                <c:pt idx="92">
                  <c:v>17019</c:v>
                </c:pt>
                <c:pt idx="93">
                  <c:v>17390</c:v>
                </c:pt>
                <c:pt idx="94">
                  <c:v>17765</c:v>
                </c:pt>
                <c:pt idx="95">
                  <c:v>18144</c:v>
                </c:pt>
                <c:pt idx="96">
                  <c:v>18527</c:v>
                </c:pt>
                <c:pt idx="97">
                  <c:v>18914</c:v>
                </c:pt>
                <c:pt idx="98">
                  <c:v>19305</c:v>
                </c:pt>
                <c:pt idx="99">
                  <c:v>19700</c:v>
                </c:pt>
                <c:pt idx="100">
                  <c:v>20099</c:v>
                </c:pt>
                <c:pt idx="101">
                  <c:v>20502</c:v>
                </c:pt>
                <c:pt idx="102">
                  <c:v>20909</c:v>
                </c:pt>
                <c:pt idx="103">
                  <c:v>21320</c:v>
                </c:pt>
                <c:pt idx="104">
                  <c:v>21735</c:v>
                </c:pt>
                <c:pt idx="105">
                  <c:v>22154</c:v>
                </c:pt>
                <c:pt idx="106">
                  <c:v>22577</c:v>
                </c:pt>
                <c:pt idx="107">
                  <c:v>23004</c:v>
                </c:pt>
                <c:pt idx="108">
                  <c:v>23435</c:v>
                </c:pt>
                <c:pt idx="109">
                  <c:v>23870</c:v>
                </c:pt>
                <c:pt idx="110">
                  <c:v>24309</c:v>
                </c:pt>
                <c:pt idx="111">
                  <c:v>24752</c:v>
                </c:pt>
                <c:pt idx="112">
                  <c:v>25199</c:v>
                </c:pt>
                <c:pt idx="113">
                  <c:v>25650</c:v>
                </c:pt>
                <c:pt idx="114">
                  <c:v>26105</c:v>
                </c:pt>
                <c:pt idx="115">
                  <c:v>26564</c:v>
                </c:pt>
                <c:pt idx="116">
                  <c:v>27027</c:v>
                </c:pt>
                <c:pt idx="117">
                  <c:v>27494</c:v>
                </c:pt>
                <c:pt idx="118">
                  <c:v>27965</c:v>
                </c:pt>
                <c:pt idx="119">
                  <c:v>28440</c:v>
                </c:pt>
                <c:pt idx="120">
                  <c:v>28919</c:v>
                </c:pt>
                <c:pt idx="121">
                  <c:v>29402</c:v>
                </c:pt>
                <c:pt idx="122">
                  <c:v>29889</c:v>
                </c:pt>
                <c:pt idx="123">
                  <c:v>30380</c:v>
                </c:pt>
                <c:pt idx="124">
                  <c:v>30875</c:v>
                </c:pt>
                <c:pt idx="125">
                  <c:v>31374</c:v>
                </c:pt>
                <c:pt idx="126">
                  <c:v>31877</c:v>
                </c:pt>
                <c:pt idx="127">
                  <c:v>32384</c:v>
                </c:pt>
                <c:pt idx="128">
                  <c:v>32895</c:v>
                </c:pt>
                <c:pt idx="129">
                  <c:v>33410</c:v>
                </c:pt>
                <c:pt idx="130">
                  <c:v>33929</c:v>
                </c:pt>
                <c:pt idx="131">
                  <c:v>34452</c:v>
                </c:pt>
                <c:pt idx="132">
                  <c:v>34979</c:v>
                </c:pt>
                <c:pt idx="133">
                  <c:v>35510</c:v>
                </c:pt>
                <c:pt idx="134">
                  <c:v>36045</c:v>
                </c:pt>
                <c:pt idx="135">
                  <c:v>36584</c:v>
                </c:pt>
                <c:pt idx="136">
                  <c:v>37127</c:v>
                </c:pt>
                <c:pt idx="137">
                  <c:v>37674</c:v>
                </c:pt>
                <c:pt idx="138">
                  <c:v>38225</c:v>
                </c:pt>
                <c:pt idx="139">
                  <c:v>0</c:v>
                </c:pt>
                <c:pt idx="140">
                  <c:v>0</c:v>
                </c:pt>
                <c:pt idx="141">
                  <c:v>0</c:v>
                </c:pt>
                <c:pt idx="142">
                  <c:v>0</c:v>
                </c:pt>
                <c:pt idx="143">
                  <c:v>0</c:v>
                </c:pt>
                <c:pt idx="144">
                  <c:v>0</c:v>
                </c:pt>
                <c:pt idx="145">
                  <c:v>0</c:v>
                </c:pt>
                <c:pt idx="146">
                  <c:v>0</c:v>
                </c:pt>
                <c:pt idx="147">
                  <c:v>0</c:v>
                </c:pt>
                <c:pt idx="148">
                  <c:v>0</c:v>
                </c:pt>
                <c:pt idx="149">
                  <c:v>0</c:v>
                </c:pt>
                <c:pt idx="150">
                  <c:v>0</c:v>
                </c:pt>
                <c:pt idx="151">
                  <c:v>0</c:v>
                </c:pt>
                <c:pt idx="152">
                  <c:v>0</c:v>
                </c:pt>
                <c:pt idx="153">
                  <c:v>0</c:v>
                </c:pt>
                <c:pt idx="154">
                  <c:v>0</c:v>
                </c:pt>
                <c:pt idx="155">
                  <c:v>0</c:v>
                </c:pt>
                <c:pt idx="156">
                  <c:v>0</c:v>
                </c:pt>
                <c:pt idx="157">
                  <c:v>0</c:v>
                </c:pt>
                <c:pt idx="158">
                  <c:v>0</c:v>
                </c:pt>
                <c:pt idx="159">
                  <c:v>0</c:v>
                </c:pt>
                <c:pt idx="160">
                  <c:v>0</c:v>
                </c:pt>
                <c:pt idx="161">
                  <c:v>0</c:v>
                </c:pt>
                <c:pt idx="162">
                  <c:v>0</c:v>
                </c:pt>
                <c:pt idx="163">
                  <c:v>0</c:v>
                </c:pt>
                <c:pt idx="164">
                  <c:v>0</c:v>
                </c:pt>
                <c:pt idx="165">
                  <c:v>0</c:v>
                </c:pt>
                <c:pt idx="166">
                  <c:v>0</c:v>
                </c:pt>
                <c:pt idx="167">
                  <c:v>0</c:v>
                </c:pt>
                <c:pt idx="168">
                  <c:v>0</c:v>
                </c:pt>
                <c:pt idx="169">
                  <c:v>0</c:v>
                </c:pt>
                <c:pt idx="170">
                  <c:v>0</c:v>
                </c:pt>
                <c:pt idx="171">
                  <c:v>0</c:v>
                </c:pt>
                <c:pt idx="172">
                  <c:v>0</c:v>
                </c:pt>
                <c:pt idx="173">
                  <c:v>0</c:v>
                </c:pt>
                <c:pt idx="174">
                  <c:v>0</c:v>
                </c:pt>
                <c:pt idx="175">
                  <c:v>0</c:v>
                </c:pt>
                <c:pt idx="176">
                  <c:v>0</c:v>
                </c:pt>
                <c:pt idx="177">
                  <c:v>0</c:v>
                </c:pt>
                <c:pt idx="178">
                  <c:v>0</c:v>
                </c:pt>
                <c:pt idx="179">
                  <c:v>0</c:v>
                </c:pt>
                <c:pt idx="180">
                  <c:v>0</c:v>
                </c:pt>
                <c:pt idx="181">
                  <c:v>0</c:v>
                </c:pt>
                <c:pt idx="182">
                  <c:v>0</c:v>
                </c:pt>
                <c:pt idx="183">
                  <c:v>0</c:v>
                </c:pt>
                <c:pt idx="184">
                  <c:v>0</c:v>
                </c:pt>
                <c:pt idx="185">
                  <c:v>0</c:v>
                </c:pt>
                <c:pt idx="186">
                  <c:v>0</c:v>
                </c:pt>
                <c:pt idx="187">
                  <c:v>0</c:v>
                </c:pt>
                <c:pt idx="188">
                  <c:v>0</c:v>
                </c:pt>
                <c:pt idx="189">
                  <c:v>0</c:v>
                </c:pt>
                <c:pt idx="190">
                  <c:v>0</c:v>
                </c:pt>
                <c:pt idx="191">
                  <c:v>0</c:v>
                </c:pt>
                <c:pt idx="192">
                  <c:v>0</c:v>
                </c:pt>
                <c:pt idx="193">
                  <c:v>0</c:v>
                </c:pt>
                <c:pt idx="194">
                  <c:v>0</c:v>
                </c:pt>
                <c:pt idx="195">
                  <c:v>0</c:v>
                </c:pt>
                <c:pt idx="196">
                  <c:v>0</c:v>
                </c:pt>
                <c:pt idx="197">
                  <c:v>0</c:v>
                </c:pt>
                <c:pt idx="198">
                  <c:v>0</c:v>
                </c:pt>
                <c:pt idx="199">
                  <c:v>0</c:v>
                </c:pt>
                <c:pt idx="200">
                  <c:v>0</c:v>
                </c:pt>
                <c:pt idx="201">
                  <c:v>0</c:v>
                </c:pt>
                <c:pt idx="202">
                  <c:v>0</c:v>
                </c:pt>
                <c:pt idx="203">
                  <c:v>0</c:v>
                </c:pt>
                <c:pt idx="204">
                  <c:v>0</c:v>
                </c:pt>
                <c:pt idx="205">
                  <c:v>0</c:v>
                </c:pt>
                <c:pt idx="206">
                  <c:v>0</c:v>
                </c:pt>
                <c:pt idx="207">
                  <c:v>0</c:v>
                </c:pt>
                <c:pt idx="208">
                  <c:v>0</c:v>
                </c:pt>
                <c:pt idx="209">
                  <c:v>0</c:v>
                </c:pt>
                <c:pt idx="210">
                  <c:v>0</c:v>
                </c:pt>
                <c:pt idx="211">
                  <c:v>0</c:v>
                </c:pt>
                <c:pt idx="212">
                  <c:v>0</c:v>
                </c:pt>
                <c:pt idx="213">
                  <c:v>0</c:v>
                </c:pt>
                <c:pt idx="214">
                  <c:v>0</c:v>
                </c:pt>
                <c:pt idx="215">
                  <c:v>0</c:v>
                </c:pt>
                <c:pt idx="216">
                  <c:v>0</c:v>
                </c:pt>
                <c:pt idx="217">
                  <c:v>0</c:v>
                </c:pt>
                <c:pt idx="218">
                  <c:v>0</c:v>
                </c:pt>
                <c:pt idx="219">
                  <c:v>0</c:v>
                </c:pt>
                <c:pt idx="220">
                  <c:v>0</c:v>
                </c:pt>
                <c:pt idx="221">
                  <c:v>0</c:v>
                </c:pt>
                <c:pt idx="222">
                  <c:v>0</c:v>
                </c:pt>
                <c:pt idx="223">
                  <c:v>0</c:v>
                </c:pt>
                <c:pt idx="224">
                  <c:v>0</c:v>
                </c:pt>
                <c:pt idx="225">
                  <c:v>0</c:v>
                </c:pt>
                <c:pt idx="226">
                  <c:v>0</c:v>
                </c:pt>
                <c:pt idx="227">
                  <c:v>0</c:v>
                </c:pt>
                <c:pt idx="228">
                  <c:v>0</c:v>
                </c:pt>
                <c:pt idx="229">
                  <c:v>0</c:v>
                </c:pt>
                <c:pt idx="230">
                  <c:v>0</c:v>
                </c:pt>
                <c:pt idx="231">
                  <c:v>0</c:v>
                </c:pt>
                <c:pt idx="232">
                  <c:v>0</c:v>
                </c:pt>
                <c:pt idx="233">
                  <c:v>0</c:v>
                </c:pt>
                <c:pt idx="234">
                  <c:v>0</c:v>
                </c:pt>
                <c:pt idx="235">
                  <c:v>0</c:v>
                </c:pt>
                <c:pt idx="236">
                  <c:v>0</c:v>
                </c:pt>
                <c:pt idx="237">
                  <c:v>0</c:v>
                </c:pt>
                <c:pt idx="238">
                  <c:v>0</c:v>
                </c:pt>
                <c:pt idx="239">
                  <c:v>0</c:v>
                </c:pt>
                <c:pt idx="240">
                  <c:v>0</c:v>
                </c:pt>
                <c:pt idx="241">
                  <c:v>0</c:v>
                </c:pt>
                <c:pt idx="242">
                  <c:v>0</c:v>
                </c:pt>
                <c:pt idx="243">
                  <c:v>0</c:v>
                </c:pt>
                <c:pt idx="244">
                  <c:v>0</c:v>
                </c:pt>
                <c:pt idx="245">
                  <c:v>0</c:v>
                </c:pt>
                <c:pt idx="246">
                  <c:v>0</c:v>
                </c:pt>
                <c:pt idx="247">
                  <c:v>0</c:v>
                </c:pt>
                <c:pt idx="248">
                  <c:v>0</c:v>
                </c:pt>
                <c:pt idx="249">
                  <c:v>0</c:v>
                </c:pt>
                <c:pt idx="250">
                  <c:v>0</c:v>
                </c:pt>
                <c:pt idx="251">
                  <c:v>0</c:v>
                </c:pt>
                <c:pt idx="252">
                  <c:v>0</c:v>
                </c:pt>
                <c:pt idx="253">
                  <c:v>0</c:v>
                </c:pt>
                <c:pt idx="254">
                  <c:v>0</c:v>
                </c:pt>
                <c:pt idx="255">
                  <c:v>0</c:v>
                </c:pt>
                <c:pt idx="256">
                  <c:v>0</c:v>
                </c:pt>
                <c:pt idx="257">
                  <c:v>0</c:v>
                </c:pt>
                <c:pt idx="258">
                  <c:v>0</c:v>
                </c:pt>
                <c:pt idx="259">
                  <c:v>0</c:v>
                </c:pt>
                <c:pt idx="260">
                  <c:v>0</c:v>
                </c:pt>
                <c:pt idx="261">
                  <c:v>0</c:v>
                </c:pt>
                <c:pt idx="262">
                  <c:v>0</c:v>
                </c:pt>
                <c:pt idx="263">
                  <c:v>0</c:v>
                </c:pt>
                <c:pt idx="264">
                  <c:v>0</c:v>
                </c:pt>
                <c:pt idx="265">
                  <c:v>0</c:v>
                </c:pt>
                <c:pt idx="266">
                  <c:v>0</c:v>
                </c:pt>
                <c:pt idx="267">
                  <c:v>0</c:v>
                </c:pt>
                <c:pt idx="268">
                  <c:v>0</c:v>
                </c:pt>
                <c:pt idx="269">
                  <c:v>0</c:v>
                </c:pt>
                <c:pt idx="270">
                  <c:v>0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0-A7BB-4BC1-B4FB-18816613A47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990737615"/>
        <c:axId val="990738447"/>
      </c:scatterChart>
      <c:valAx>
        <c:axId val="990737615"/>
        <c:scaling>
          <c:orientation val="minMax"/>
          <c:max val="250"/>
        </c:scaling>
        <c:delete val="0"/>
        <c:axPos val="b"/>
        <c:majorGridlines>
          <c:spPr>
            <a:ln w="9525" cap="flat" cmpd="sng" algn="ctr">
              <a:solidFill>
                <a:schemeClr val="lt1">
                  <a:lumMod val="95000"/>
                  <a:alpha val="10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lt1">
                <a:lumMod val="50000"/>
              </a:schemeClr>
            </a:solidFill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00" b="0" i="0" u="none" strike="noStrike" kern="1200" baseline="0">
                <a:solidFill>
                  <a:schemeClr val="lt1">
                    <a:lumMod val="7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990738447"/>
        <c:crosses val="autoZero"/>
        <c:crossBetween val="midCat"/>
        <c:majorUnit val="25"/>
      </c:valAx>
      <c:valAx>
        <c:axId val="990738447"/>
        <c:scaling>
          <c:orientation val="minMax"/>
          <c:max val="42000"/>
        </c:scaling>
        <c:delete val="0"/>
        <c:axPos val="l"/>
        <c:majorGridlines>
          <c:spPr>
            <a:ln w="9525" cap="flat" cmpd="sng" algn="ctr">
              <a:solidFill>
                <a:schemeClr val="lt1">
                  <a:lumMod val="95000"/>
                  <a:alpha val="10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lt1">
                <a:lumMod val="50000"/>
              </a:schemeClr>
            </a:solidFill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800" b="0" i="0" u="none" strike="noStrike" kern="1200" baseline="0">
                <a:solidFill>
                  <a:schemeClr val="lt1">
                    <a:lumMod val="7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990737615"/>
        <c:crosses val="autoZero"/>
        <c:crossBetween val="midCat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gradFill flip="none" rotWithShape="1">
      <a:gsLst>
        <a:gs pos="0">
          <a:schemeClr val="dk1">
            <a:lumMod val="65000"/>
            <a:lumOff val="35000"/>
          </a:schemeClr>
        </a:gs>
        <a:gs pos="100000">
          <a:schemeClr val="dk1">
            <a:lumMod val="85000"/>
            <a:lumOff val="15000"/>
          </a:schemeClr>
        </a:gs>
      </a:gsLst>
      <a:path path="circle">
        <a:fillToRect l="50000" t="50000" r="50000" b="50000"/>
      </a:path>
      <a:tileRect/>
    </a:gradFill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48">
  <cs:axisTitle>
    <cs:lnRef idx="0"/>
    <cs:fillRef idx="0"/>
    <cs:effectRef idx="0"/>
    <cs:fontRef idx="minor">
      <a:schemeClr val="lt1">
        <a:lumMod val="75000"/>
      </a:schemeClr>
    </cs:fontRef>
    <cs:defRPr sz="1197" b="1" kern="1200" cap="all"/>
  </cs:axisTitle>
  <cs:categoryAxis>
    <cs:lnRef idx="0"/>
    <cs:fillRef idx="0"/>
    <cs:effectRef idx="0"/>
    <cs:fontRef idx="minor">
      <a:schemeClr val="lt1">
        <a:lumMod val="75000"/>
      </a:schemeClr>
    </cs:fontRef>
    <cs:spPr>
      <a:ln w="9525" cap="flat" cmpd="sng" algn="ctr">
        <a:solidFill>
          <a:schemeClr val="lt1">
            <a:lumMod val="50000"/>
          </a:schemeClr>
        </a:solidFill>
      </a:ln>
    </cs:spPr>
    <cs:defRPr sz="1197" kern="1200"/>
  </cs:categoryAxis>
  <cs:chartArea>
    <cs:lnRef idx="0"/>
    <cs:fillRef idx="0"/>
    <cs:effectRef idx="0"/>
    <cs:fontRef idx="minor">
      <a:schemeClr val="dk1"/>
    </cs:fontRef>
    <cs:spPr>
      <a:gradFill flip="none" rotWithShape="1">
        <a:gsLst>
          <a:gs pos="0">
            <a:schemeClr val="dk1">
              <a:lumMod val="65000"/>
              <a:lumOff val="35000"/>
            </a:schemeClr>
          </a:gs>
          <a:gs pos="100000">
            <a:schemeClr val="dk1">
              <a:lumMod val="85000"/>
              <a:lumOff val="15000"/>
            </a:schemeClr>
          </a:gs>
        </a:gsLst>
        <a:path path="circle">
          <a:fillToRect l="50000" t="50000" r="50000" b="50000"/>
        </a:path>
        <a:tileRect/>
      </a:gradFill>
    </cs:spPr>
    <cs:defRPr sz="1330" kern="1200"/>
  </cs:chartArea>
  <cs:dataLabel>
    <cs:lnRef idx="0"/>
    <cs:fillRef idx="0"/>
    <cs:effectRef idx="0"/>
    <cs:fontRef idx="minor">
      <a:schemeClr val="lt1">
        <a:lumMod val="7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3">
      <cs:styleClr val="auto"/>
    </cs:fillRef>
    <cs:effectRef idx="3"/>
    <cs:fontRef idx="minor">
      <a:schemeClr val="tx1"/>
    </cs:fontRef>
  </cs:dataPoint>
  <cs:dataPoint3D>
    <cs:lnRef idx="0"/>
    <cs:fillRef idx="3">
      <cs:styleClr val="auto"/>
    </cs:fillRef>
    <cs:effectRef idx="3"/>
    <cs:fontRef idx="minor">
      <a:schemeClr val="tx1"/>
    </cs:fontRef>
  </cs:dataPoint3D>
  <cs:dataPointLine>
    <cs:lnRef idx="0">
      <cs:styleClr val="auto"/>
    </cs:lnRef>
    <cs:fillRef idx="3"/>
    <cs:effectRef idx="3"/>
    <cs:fontRef idx="minor">
      <a:schemeClr val="tx1"/>
    </cs:fontRef>
    <cs:spPr>
      <a:ln w="952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3">
      <cs:styleClr val="auto"/>
    </cs:fillRef>
    <cs:effectRef idx="3"/>
    <cs:fontRef idx="minor">
      <a:schemeClr val="tx1"/>
    </cs:fontRef>
    <cs:spPr>
      <a:ln w="9525" cap="rnd">
        <a:solidFill>
          <a:schemeClr val="phClr"/>
        </a:solidFill>
        <a:round/>
      </a:ln>
    </cs:spPr>
  </cs:dataPointMarker>
  <cs:dataPointMarkerLayout symbol="circle" size="6"/>
  <cs:dataPointWireframe>
    <cs:lnRef idx="0">
      <cs:styleClr val="auto"/>
    </cs:lnRef>
    <cs:fillRef idx="3"/>
    <cs:effectRef idx="3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lt1">
        <a:lumMod val="75000"/>
      </a:schemeClr>
    </cs:fontRef>
    <cs:spPr>
      <a:ln w="9525">
        <a:solidFill>
          <a:schemeClr val="lt1">
            <a:lumMod val="95000"/>
            <a:alpha val="54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>
        <a:solidFill>
          <a:schemeClr val="lt1">
            <a:lumMod val="95000"/>
            <a:alpha val="54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>
        <a:solidFill>
          <a:schemeClr val="lt1">
            <a:lumMod val="95000"/>
            <a:alpha val="54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lt1">
            <a:lumMod val="9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lt1">
            <a:lumMod val="95000"/>
            <a:alpha val="10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>
        <a:solidFill>
          <a:schemeClr val="lt1">
            <a:lumMod val="95000"/>
            <a:alpha val="5000"/>
          </a:schemeClr>
        </a:solidFill>
      </a:ln>
    </cs:spPr>
  </cs:gridlineMinor>
  <cs:hiLoLine>
    <cs:lnRef idx="0"/>
    <cs:fillRef idx="0"/>
    <cs:effectRef idx="0"/>
    <cs:fontRef idx="minor">
      <a:schemeClr val="tx1"/>
    </cs:fontRef>
    <cs:spPr>
      <a:ln w="9525">
        <a:solidFill>
          <a:schemeClr val="lt1">
            <a:lumMod val="95000"/>
            <a:alpha val="54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tx1"/>
    </cs:fontRef>
    <cs:spPr>
      <a:ln w="9525">
        <a:solidFill>
          <a:schemeClr val="lt1">
            <a:lumMod val="95000"/>
            <a:alpha val="54000"/>
          </a:schemeClr>
        </a:solidFill>
      </a:ln>
    </cs:spPr>
  </cs:leaderLine>
  <cs:legend>
    <cs:lnRef idx="0"/>
    <cs:fillRef idx="0"/>
    <cs:effectRef idx="0"/>
    <cs:fontRef idx="minor">
      <a:schemeClr val="lt1">
        <a:lumMod val="75000"/>
      </a:schemeClr>
    </cs:fontRef>
    <cs:defRPr sz="1197" kern="1200"/>
  </cs:legend>
  <cs:plotArea>
    <cs:lnRef idx="0"/>
    <cs:fillRef idx="0"/>
    <cs:effectRef idx="0"/>
    <cs:fontRef idx="minor">
      <a:schemeClr val="tx1"/>
    </cs:fontRef>
  </cs:plotArea>
  <cs:plotArea3D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lt1">
        <a:lumMod val="75000"/>
      </a:schemeClr>
    </cs:fontRef>
    <cs:spPr>
      <a:ln w="9525" cap="flat" cmpd="sng" algn="ctr">
        <a:solidFill>
          <a:schemeClr val="lt1">
            <a:lumMod val="50000"/>
          </a:schemeClr>
        </a:solidFill>
      </a:ln>
    </cs:spPr>
    <cs:defRPr sz="1197" kern="1200"/>
  </cs:seriesAxis>
  <cs:seriesLine>
    <cs:lnRef idx="0"/>
    <cs:fillRef idx="0"/>
    <cs:effectRef idx="0"/>
    <cs:fontRef idx="minor">
      <a:schemeClr val="lt1"/>
    </cs:fontRef>
    <cs:spPr>
      <a:ln w="9525" cap="flat" cmpd="sng" algn="ctr">
        <a:solidFill>
          <a:schemeClr val="lt1">
            <a:lumMod val="95000"/>
            <a:alpha val="54000"/>
          </a:schemeClr>
        </a:solidFill>
        <a:round/>
      </a:ln>
    </cs:spPr>
  </cs:seriesLine>
  <cs:title>
    <cs:lnRef idx="0"/>
    <cs:fillRef idx="0"/>
    <cs:effectRef idx="0"/>
    <cs:fontRef idx="minor">
      <a:schemeClr val="lt1">
        <a:lumMod val="95000"/>
      </a:schemeClr>
    </cs:fontRef>
    <cs:defRPr sz="2128" b="1" kern="1200" spc="100" baseline="0">
      <a:effectLst>
        <a:outerShdw blurRad="50800" dist="38100" dir="5400000" algn="t" rotWithShape="0">
          <a:prstClr val="black">
            <a:alpha val="40000"/>
          </a:prstClr>
        </a:outerShdw>
      </a:effectLst>
    </cs:defRPr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lt1">
        <a:lumMod val="7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>
        <a:solidFill>
          <a:schemeClr val="lt1">
            <a:lumMod val="95000"/>
            <a:alpha val="54000"/>
          </a:schemeClr>
        </a:solidFill>
      </a:ln>
    </cs:spPr>
  </cs:upBar>
  <cs:valueAxis>
    <cs:lnRef idx="0"/>
    <cs:fillRef idx="0"/>
    <cs:effectRef idx="0"/>
    <cs:fontRef idx="minor">
      <a:schemeClr val="lt1">
        <a:lumMod val="75000"/>
      </a:schemeClr>
    </cs:fontRef>
    <cs:spPr>
      <a:ln w="9525" cap="flat" cmpd="sng" algn="ctr">
        <a:solidFill>
          <a:schemeClr val="lt1">
            <a:lumMod val="50000"/>
          </a:schemeClr>
        </a:solidFill>
      </a:ln>
    </cs:spPr>
    <cs:defRPr sz="1197" kern="1200"/>
  </cs:valueAxis>
  <cs:wall>
    <cs:lnRef idx="0"/>
    <cs:fillRef idx="0"/>
    <cs:effectRef idx="0"/>
    <cs:fontRef idx="minor">
      <a:schemeClr val="tx1"/>
    </cs:fontRef>
  </cs:wall>
</cs:chartStyle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0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1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2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3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5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6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7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8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9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0729CEE9-D17F-47A9-841F-94D1A155C1B0}" type="doc">
      <dgm:prSet loTypeId="urn:microsoft.com/office/officeart/2005/8/layout/cycle3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3D58D787-5B71-4AF6-AE17-91F18CDDBD8C}">
      <dgm:prSet phldrT="[Text]" custT="1"/>
      <dgm:spPr>
        <a:solidFill>
          <a:srgbClr val="680000"/>
        </a:solidFill>
      </dgm:spPr>
      <dgm:t>
        <a:bodyPr/>
        <a:lstStyle/>
        <a:p>
          <a:r>
            <a:rPr lang="en-US" sz="2400" dirty="0">
              <a:latin typeface="Bahnschrift SemiCondensed" panose="020B0502040204020203" pitchFamily="34" charset="0"/>
            </a:rPr>
            <a:t>Business Understanding </a:t>
          </a:r>
          <a:r>
            <a:rPr lang="en-US" sz="2000" dirty="0">
              <a:latin typeface="Bahnschrift SemiCondensed" panose="020B0502040204020203" pitchFamily="34" charset="0"/>
            </a:rPr>
            <a:t>(Problem Definition)</a:t>
          </a:r>
        </a:p>
      </dgm:t>
    </dgm:pt>
    <dgm:pt modelId="{6792CD34-CE38-40A2-A8BA-DCEF0F0F0B40}" type="parTrans" cxnId="{34098D95-B402-455E-A6B8-4530A4062D48}">
      <dgm:prSet/>
      <dgm:spPr/>
      <dgm:t>
        <a:bodyPr/>
        <a:lstStyle/>
        <a:p>
          <a:endParaRPr lang="en-US"/>
        </a:p>
      </dgm:t>
    </dgm:pt>
    <dgm:pt modelId="{437AB5BE-5031-43CC-8164-9C9C0BBC2FF0}" type="sibTrans" cxnId="{34098D95-B402-455E-A6B8-4530A4062D48}">
      <dgm:prSet/>
      <dgm:spPr>
        <a:solidFill>
          <a:schemeClr val="accent4">
            <a:lumMod val="50000"/>
          </a:schemeClr>
        </a:solidFill>
      </dgm:spPr>
      <dgm:t>
        <a:bodyPr/>
        <a:lstStyle/>
        <a:p>
          <a:endParaRPr lang="en-US"/>
        </a:p>
      </dgm:t>
    </dgm:pt>
    <dgm:pt modelId="{B9A3F369-F2C5-452F-B6A6-45E278087B84}">
      <dgm:prSet phldrT="[Text]" custT="1"/>
      <dgm:spPr>
        <a:solidFill>
          <a:srgbClr val="680000"/>
        </a:solidFill>
      </dgm:spPr>
      <dgm:t>
        <a:bodyPr/>
        <a:lstStyle/>
        <a:p>
          <a:r>
            <a:rPr lang="en-US" sz="2400" dirty="0">
              <a:latin typeface="Bahnschrift SemiCondensed" panose="020B0502040204020203" pitchFamily="34" charset="0"/>
            </a:rPr>
            <a:t>Data Acquisition</a:t>
          </a:r>
        </a:p>
      </dgm:t>
    </dgm:pt>
    <dgm:pt modelId="{7BEC3311-5E27-4F67-AEA6-CD264E98E285}" type="parTrans" cxnId="{848E9025-3D42-4AFE-8E66-F8683AF0D292}">
      <dgm:prSet/>
      <dgm:spPr/>
      <dgm:t>
        <a:bodyPr/>
        <a:lstStyle/>
        <a:p>
          <a:endParaRPr lang="en-US"/>
        </a:p>
      </dgm:t>
    </dgm:pt>
    <dgm:pt modelId="{829B6CD0-3BA3-4E37-B90F-1084D1451BA7}" type="sibTrans" cxnId="{848E9025-3D42-4AFE-8E66-F8683AF0D292}">
      <dgm:prSet/>
      <dgm:spPr/>
      <dgm:t>
        <a:bodyPr/>
        <a:lstStyle/>
        <a:p>
          <a:endParaRPr lang="en-US"/>
        </a:p>
      </dgm:t>
    </dgm:pt>
    <dgm:pt modelId="{1DA286F8-550F-4A37-921E-D67424152542}">
      <dgm:prSet phldrT="[Text]" custT="1"/>
      <dgm:spPr>
        <a:solidFill>
          <a:srgbClr val="680000"/>
        </a:solidFill>
      </dgm:spPr>
      <dgm:t>
        <a:bodyPr/>
        <a:lstStyle/>
        <a:p>
          <a:r>
            <a:rPr lang="en-US" sz="2400" dirty="0">
              <a:latin typeface="Bahnschrift SemiCondensed" panose="020B0502040204020203" pitchFamily="34" charset="0"/>
            </a:rPr>
            <a:t>Data Processing (</a:t>
          </a:r>
          <a:r>
            <a:rPr lang="en-US" sz="1800" dirty="0">
              <a:latin typeface="Bahnschrift SemiCondensed" panose="020B0502040204020203" pitchFamily="34" charset="0"/>
            </a:rPr>
            <a:t>Structuring, cleaning</a:t>
          </a:r>
          <a:r>
            <a:rPr lang="en-US" sz="2400" dirty="0">
              <a:latin typeface="Bahnschrift SemiCondensed" panose="020B0502040204020203" pitchFamily="34" charset="0"/>
            </a:rPr>
            <a:t>)</a:t>
          </a:r>
        </a:p>
      </dgm:t>
    </dgm:pt>
    <dgm:pt modelId="{40CB1835-3550-4AE0-B50F-19629DE07FF0}" type="parTrans" cxnId="{A93B3E50-D808-4F10-AE8A-C1738118CEB2}">
      <dgm:prSet/>
      <dgm:spPr/>
      <dgm:t>
        <a:bodyPr/>
        <a:lstStyle/>
        <a:p>
          <a:endParaRPr lang="en-US"/>
        </a:p>
      </dgm:t>
    </dgm:pt>
    <dgm:pt modelId="{C55E65DD-92EA-4FFA-8883-6E989DA56533}" type="sibTrans" cxnId="{A93B3E50-D808-4F10-AE8A-C1738118CEB2}">
      <dgm:prSet/>
      <dgm:spPr/>
      <dgm:t>
        <a:bodyPr/>
        <a:lstStyle/>
        <a:p>
          <a:endParaRPr lang="en-US"/>
        </a:p>
      </dgm:t>
    </dgm:pt>
    <dgm:pt modelId="{458F6E52-0F6A-46FD-BF93-F359446202E2}">
      <dgm:prSet phldrT="[Text]" custT="1"/>
      <dgm:spPr>
        <a:solidFill>
          <a:srgbClr val="680000"/>
        </a:solidFill>
      </dgm:spPr>
      <dgm:t>
        <a:bodyPr/>
        <a:lstStyle/>
        <a:p>
          <a:r>
            <a:rPr lang="en-US" sz="2400" dirty="0">
              <a:latin typeface="Bahnschrift SemiCondensed" panose="020B0502040204020203" pitchFamily="34" charset="0"/>
            </a:rPr>
            <a:t>Data Analysis </a:t>
          </a:r>
        </a:p>
        <a:p>
          <a:r>
            <a:rPr lang="en-US" sz="2400" dirty="0">
              <a:latin typeface="Bahnschrift SemiCondensed" panose="020B0502040204020203" pitchFamily="34" charset="0"/>
            </a:rPr>
            <a:t>(</a:t>
          </a:r>
          <a:r>
            <a:rPr lang="en-US" sz="2000" dirty="0">
              <a:latin typeface="Bahnschrift SemiCondensed" panose="020B0502040204020203" pitchFamily="34" charset="0"/>
            </a:rPr>
            <a:t>Model building, trends, Intelligent decisions</a:t>
          </a:r>
          <a:r>
            <a:rPr lang="en-US" sz="2400" dirty="0">
              <a:latin typeface="Bahnschrift SemiCondensed" panose="020B0502040204020203" pitchFamily="34" charset="0"/>
            </a:rPr>
            <a:t>) </a:t>
          </a:r>
        </a:p>
      </dgm:t>
    </dgm:pt>
    <dgm:pt modelId="{13C979F5-72ED-4AF4-9353-531DFFCE5F2C}" type="parTrans" cxnId="{933693E8-EF1B-4C70-B002-C94E29577A8B}">
      <dgm:prSet/>
      <dgm:spPr/>
      <dgm:t>
        <a:bodyPr/>
        <a:lstStyle/>
        <a:p>
          <a:endParaRPr lang="en-US"/>
        </a:p>
      </dgm:t>
    </dgm:pt>
    <dgm:pt modelId="{550D5F1E-A7B3-4AA6-A3CE-3E9AC61D96D4}" type="sibTrans" cxnId="{933693E8-EF1B-4C70-B002-C94E29577A8B}">
      <dgm:prSet/>
      <dgm:spPr/>
      <dgm:t>
        <a:bodyPr/>
        <a:lstStyle/>
        <a:p>
          <a:endParaRPr lang="en-US"/>
        </a:p>
      </dgm:t>
    </dgm:pt>
    <dgm:pt modelId="{FF451421-6B88-4190-8C90-F286905D041B}">
      <dgm:prSet phldrT="[Text]" custT="1"/>
      <dgm:spPr>
        <a:solidFill>
          <a:srgbClr val="680000"/>
        </a:solidFill>
      </dgm:spPr>
      <dgm:t>
        <a:bodyPr/>
        <a:lstStyle/>
        <a:p>
          <a:r>
            <a:rPr lang="en-US" sz="2400" dirty="0">
              <a:latin typeface="Bahnschrift SemiCondensed" panose="020B0502040204020203" pitchFamily="34" charset="0"/>
            </a:rPr>
            <a:t>Report out, Deployment</a:t>
          </a:r>
        </a:p>
      </dgm:t>
    </dgm:pt>
    <dgm:pt modelId="{6AF99A78-B256-4F30-9D46-33A005381EC0}" type="parTrans" cxnId="{035FEE6E-C922-4D80-902F-7F9151BB4BE4}">
      <dgm:prSet/>
      <dgm:spPr/>
      <dgm:t>
        <a:bodyPr/>
        <a:lstStyle/>
        <a:p>
          <a:endParaRPr lang="en-US"/>
        </a:p>
      </dgm:t>
    </dgm:pt>
    <dgm:pt modelId="{AE00F823-B6E1-4C61-88F8-64C6177E5301}" type="sibTrans" cxnId="{035FEE6E-C922-4D80-902F-7F9151BB4BE4}">
      <dgm:prSet/>
      <dgm:spPr/>
      <dgm:t>
        <a:bodyPr/>
        <a:lstStyle/>
        <a:p>
          <a:endParaRPr lang="en-US"/>
        </a:p>
      </dgm:t>
    </dgm:pt>
    <dgm:pt modelId="{552928B8-EC0F-442A-8D2A-28677516848E}" type="pres">
      <dgm:prSet presAssocID="{0729CEE9-D17F-47A9-841F-94D1A155C1B0}" presName="Name0" presStyleCnt="0">
        <dgm:presLayoutVars>
          <dgm:dir/>
          <dgm:resizeHandles val="exact"/>
        </dgm:presLayoutVars>
      </dgm:prSet>
      <dgm:spPr/>
    </dgm:pt>
    <dgm:pt modelId="{6B0E5D97-FC15-469D-BC0E-45855473868C}" type="pres">
      <dgm:prSet presAssocID="{0729CEE9-D17F-47A9-841F-94D1A155C1B0}" presName="cycle" presStyleCnt="0"/>
      <dgm:spPr/>
    </dgm:pt>
    <dgm:pt modelId="{3D534264-1C6C-4963-8E1C-CA7F6201E361}" type="pres">
      <dgm:prSet presAssocID="{3D58D787-5B71-4AF6-AE17-91F18CDDBD8C}" presName="nodeFirstNode" presStyleLbl="node1" presStyleIdx="0" presStyleCnt="5" custRadScaleRad="102399">
        <dgm:presLayoutVars>
          <dgm:bulletEnabled val="1"/>
        </dgm:presLayoutVars>
      </dgm:prSet>
      <dgm:spPr/>
    </dgm:pt>
    <dgm:pt modelId="{6E3A7E6D-6B5C-4731-B7C6-38098ADC5EF6}" type="pres">
      <dgm:prSet presAssocID="{437AB5BE-5031-43CC-8164-9C9C0BBC2FF0}" presName="sibTransFirstNode" presStyleLbl="bgShp" presStyleIdx="0" presStyleCnt="1"/>
      <dgm:spPr/>
    </dgm:pt>
    <dgm:pt modelId="{BDC489EB-4FB6-46A3-AF1A-0D93DEA53D6F}" type="pres">
      <dgm:prSet presAssocID="{B9A3F369-F2C5-452F-B6A6-45E278087B84}" presName="nodeFollowingNodes" presStyleLbl="node1" presStyleIdx="1" presStyleCnt="5" custScaleX="90067" custRadScaleRad="95917" custRadScaleInc="-4063">
        <dgm:presLayoutVars>
          <dgm:bulletEnabled val="1"/>
        </dgm:presLayoutVars>
      </dgm:prSet>
      <dgm:spPr/>
    </dgm:pt>
    <dgm:pt modelId="{9BD0EAD7-59EE-485A-8551-917922F9C6DF}" type="pres">
      <dgm:prSet presAssocID="{1DA286F8-550F-4A37-921E-D67424152542}" presName="nodeFollowingNodes" presStyleLbl="node1" presStyleIdx="2" presStyleCnt="5" custRadScaleRad="84418" custRadScaleInc="-23576">
        <dgm:presLayoutVars>
          <dgm:bulletEnabled val="1"/>
        </dgm:presLayoutVars>
      </dgm:prSet>
      <dgm:spPr/>
    </dgm:pt>
    <dgm:pt modelId="{A5D1EEBA-DA3E-4826-81A8-C1C60D4F9D70}" type="pres">
      <dgm:prSet presAssocID="{458F6E52-0F6A-46FD-BF93-F359446202E2}" presName="nodeFollowingNodes" presStyleLbl="node1" presStyleIdx="3" presStyleCnt="5" custScaleX="111269" custScaleY="112316" custRadScaleRad="96441" custRadScaleInc="40190">
        <dgm:presLayoutVars>
          <dgm:bulletEnabled val="1"/>
        </dgm:presLayoutVars>
      </dgm:prSet>
      <dgm:spPr/>
    </dgm:pt>
    <dgm:pt modelId="{98291A91-E0E9-4A5A-A32C-72D74D965038}" type="pres">
      <dgm:prSet presAssocID="{FF451421-6B88-4190-8C90-F286905D041B}" presName="nodeFollowingNodes" presStyleLbl="node1" presStyleIdx="4" presStyleCnt="5" custRadScaleRad="99790" custRadScaleInc="65">
        <dgm:presLayoutVars>
          <dgm:bulletEnabled val="1"/>
        </dgm:presLayoutVars>
      </dgm:prSet>
      <dgm:spPr/>
    </dgm:pt>
  </dgm:ptLst>
  <dgm:cxnLst>
    <dgm:cxn modelId="{848E9025-3D42-4AFE-8E66-F8683AF0D292}" srcId="{0729CEE9-D17F-47A9-841F-94D1A155C1B0}" destId="{B9A3F369-F2C5-452F-B6A6-45E278087B84}" srcOrd="1" destOrd="0" parTransId="{7BEC3311-5E27-4F67-AEA6-CD264E98E285}" sibTransId="{829B6CD0-3BA3-4E37-B90F-1084D1451BA7}"/>
    <dgm:cxn modelId="{F52F7660-EF84-4F95-94E5-232C941777B5}" type="presOf" srcId="{1DA286F8-550F-4A37-921E-D67424152542}" destId="{9BD0EAD7-59EE-485A-8551-917922F9C6DF}" srcOrd="0" destOrd="0" presId="urn:microsoft.com/office/officeart/2005/8/layout/cycle3"/>
    <dgm:cxn modelId="{5452B96A-3F72-4445-BC52-D9FB660A2CC4}" type="presOf" srcId="{458F6E52-0F6A-46FD-BF93-F359446202E2}" destId="{A5D1EEBA-DA3E-4826-81A8-C1C60D4F9D70}" srcOrd="0" destOrd="0" presId="urn:microsoft.com/office/officeart/2005/8/layout/cycle3"/>
    <dgm:cxn modelId="{F093E44A-FE5A-433A-AA88-27AA599BBB02}" type="presOf" srcId="{0729CEE9-D17F-47A9-841F-94D1A155C1B0}" destId="{552928B8-EC0F-442A-8D2A-28677516848E}" srcOrd="0" destOrd="0" presId="urn:microsoft.com/office/officeart/2005/8/layout/cycle3"/>
    <dgm:cxn modelId="{035FEE6E-C922-4D80-902F-7F9151BB4BE4}" srcId="{0729CEE9-D17F-47A9-841F-94D1A155C1B0}" destId="{FF451421-6B88-4190-8C90-F286905D041B}" srcOrd="4" destOrd="0" parTransId="{6AF99A78-B256-4F30-9D46-33A005381EC0}" sibTransId="{AE00F823-B6E1-4C61-88F8-64C6177E5301}"/>
    <dgm:cxn modelId="{A93B3E50-D808-4F10-AE8A-C1738118CEB2}" srcId="{0729CEE9-D17F-47A9-841F-94D1A155C1B0}" destId="{1DA286F8-550F-4A37-921E-D67424152542}" srcOrd="2" destOrd="0" parTransId="{40CB1835-3550-4AE0-B50F-19629DE07FF0}" sibTransId="{C55E65DD-92EA-4FFA-8883-6E989DA56533}"/>
    <dgm:cxn modelId="{E59D7358-2C49-4FDC-AFC8-2255EA15FD33}" type="presOf" srcId="{437AB5BE-5031-43CC-8164-9C9C0BBC2FF0}" destId="{6E3A7E6D-6B5C-4731-B7C6-38098ADC5EF6}" srcOrd="0" destOrd="0" presId="urn:microsoft.com/office/officeart/2005/8/layout/cycle3"/>
    <dgm:cxn modelId="{5364CE93-BB8A-40A4-B2A0-C477ED09D265}" type="presOf" srcId="{FF451421-6B88-4190-8C90-F286905D041B}" destId="{98291A91-E0E9-4A5A-A32C-72D74D965038}" srcOrd="0" destOrd="0" presId="urn:microsoft.com/office/officeart/2005/8/layout/cycle3"/>
    <dgm:cxn modelId="{34098D95-B402-455E-A6B8-4530A4062D48}" srcId="{0729CEE9-D17F-47A9-841F-94D1A155C1B0}" destId="{3D58D787-5B71-4AF6-AE17-91F18CDDBD8C}" srcOrd="0" destOrd="0" parTransId="{6792CD34-CE38-40A2-A8BA-DCEF0F0F0B40}" sibTransId="{437AB5BE-5031-43CC-8164-9C9C0BBC2FF0}"/>
    <dgm:cxn modelId="{951D6FA6-0697-46AD-8841-FBFE27F20E5F}" type="presOf" srcId="{B9A3F369-F2C5-452F-B6A6-45E278087B84}" destId="{BDC489EB-4FB6-46A3-AF1A-0D93DEA53D6F}" srcOrd="0" destOrd="0" presId="urn:microsoft.com/office/officeart/2005/8/layout/cycle3"/>
    <dgm:cxn modelId="{52550DE6-326F-45F6-8299-F46328B25B6A}" type="presOf" srcId="{3D58D787-5B71-4AF6-AE17-91F18CDDBD8C}" destId="{3D534264-1C6C-4963-8E1C-CA7F6201E361}" srcOrd="0" destOrd="0" presId="urn:microsoft.com/office/officeart/2005/8/layout/cycle3"/>
    <dgm:cxn modelId="{933693E8-EF1B-4C70-B002-C94E29577A8B}" srcId="{0729CEE9-D17F-47A9-841F-94D1A155C1B0}" destId="{458F6E52-0F6A-46FD-BF93-F359446202E2}" srcOrd="3" destOrd="0" parTransId="{13C979F5-72ED-4AF4-9353-531DFFCE5F2C}" sibTransId="{550D5F1E-A7B3-4AA6-A3CE-3E9AC61D96D4}"/>
    <dgm:cxn modelId="{6DE87DF0-9135-458F-87ED-1D404A592998}" type="presParOf" srcId="{552928B8-EC0F-442A-8D2A-28677516848E}" destId="{6B0E5D97-FC15-469D-BC0E-45855473868C}" srcOrd="0" destOrd="0" presId="urn:microsoft.com/office/officeart/2005/8/layout/cycle3"/>
    <dgm:cxn modelId="{F2F05F02-F585-435F-A4F9-5DE4508A311F}" type="presParOf" srcId="{6B0E5D97-FC15-469D-BC0E-45855473868C}" destId="{3D534264-1C6C-4963-8E1C-CA7F6201E361}" srcOrd="0" destOrd="0" presId="urn:microsoft.com/office/officeart/2005/8/layout/cycle3"/>
    <dgm:cxn modelId="{0EBB7BB3-CFE1-4BBC-BCA8-B7FC75CC0561}" type="presParOf" srcId="{6B0E5D97-FC15-469D-BC0E-45855473868C}" destId="{6E3A7E6D-6B5C-4731-B7C6-38098ADC5EF6}" srcOrd="1" destOrd="0" presId="urn:microsoft.com/office/officeart/2005/8/layout/cycle3"/>
    <dgm:cxn modelId="{84632AE7-F23A-40EB-9FCA-A2B5039A8DB8}" type="presParOf" srcId="{6B0E5D97-FC15-469D-BC0E-45855473868C}" destId="{BDC489EB-4FB6-46A3-AF1A-0D93DEA53D6F}" srcOrd="2" destOrd="0" presId="urn:microsoft.com/office/officeart/2005/8/layout/cycle3"/>
    <dgm:cxn modelId="{FDA52C9C-FEAA-4D48-99D7-8E8E00C89781}" type="presParOf" srcId="{6B0E5D97-FC15-469D-BC0E-45855473868C}" destId="{9BD0EAD7-59EE-485A-8551-917922F9C6DF}" srcOrd="3" destOrd="0" presId="urn:microsoft.com/office/officeart/2005/8/layout/cycle3"/>
    <dgm:cxn modelId="{48029E53-B452-47DA-B693-7F8EFAA1F521}" type="presParOf" srcId="{6B0E5D97-FC15-469D-BC0E-45855473868C}" destId="{A5D1EEBA-DA3E-4826-81A8-C1C60D4F9D70}" srcOrd="4" destOrd="0" presId="urn:microsoft.com/office/officeart/2005/8/layout/cycle3"/>
    <dgm:cxn modelId="{7DEFD86C-6DE3-49B2-A55A-32C9D6C74978}" type="presParOf" srcId="{6B0E5D97-FC15-469D-BC0E-45855473868C}" destId="{98291A91-E0E9-4A5A-A32C-72D74D965038}" srcOrd="5" destOrd="0" presId="urn:microsoft.com/office/officeart/2005/8/layout/cycle3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0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X="160183" custLinFactNeighborX="200000" custLinFactNeighborY="511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X="-80036" custLinFactNeighborX="-100000" custLinFactNeighborY="-1143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 custLinFactX="-79426" custLinFactNeighborX="-100000" custLinFactNeighborY="783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1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X="160183" custLinFactNeighborX="200000" custLinFactNeighborY="511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X="-80036" custLinFactNeighborX="-100000" custLinFactNeighborY="-1143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 custLinFactX="-79426" custLinFactNeighborX="-100000" custLinFactNeighborY="783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2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X="160183" custLinFactNeighborX="200000" custLinFactNeighborY="511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X="-80036" custLinFactNeighborX="-100000" custLinFactNeighborY="-1143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 custLinFactX="-79426" custLinFactNeighborX="-100000" custLinFactNeighborY="783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3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X="160183" custLinFactNeighborX="200000" custLinFactNeighborY="511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X="-80036" custLinFactNeighborX="-100000" custLinFactNeighborY="-1143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 custLinFactX="-79426" custLinFactNeighborX="-100000" custLinFactNeighborY="783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NeighborX="5300" custLinFactNeighborY="-380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NeighborX="1141" custLinFactNeighborY="627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X="80188" custLinFactNeighborX="100000" custLinFactNeighborY="-493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X="-80036" custLinFactNeighborX="-100000" custLinFactNeighborY="-1143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X="80188" custLinFactNeighborX="100000" custLinFactNeighborY="-493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X="-80036" custLinFactNeighborX="-100000" custLinFactNeighborY="-1143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5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X="80188" custLinFactNeighborX="100000" custLinFactNeighborY="-493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X="-80036" custLinFactNeighborX="-100000" custLinFactNeighborY="-1143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6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X="80188" custLinFactNeighborX="100000" custLinFactNeighborY="-493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X="-80036" custLinFactNeighborX="-100000" custLinFactNeighborY="-1143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7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X="80188" custLinFactNeighborX="100000" custLinFactNeighborY="-493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X="-80036" custLinFactNeighborX="-100000" custLinFactNeighborY="-1143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8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X="160183" custLinFactNeighborX="200000" custLinFactNeighborY="511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X="-80036" custLinFactNeighborX="-100000" custLinFactNeighborY="-1143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 custLinFactX="-79426" custLinFactNeighborX="-100000" custLinFactNeighborY="783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9.xml><?xml version="1.0" encoding="utf-8"?>
<dgm:dataModel xmlns:dgm="http://schemas.openxmlformats.org/drawingml/2006/diagram" xmlns:a="http://schemas.openxmlformats.org/drawingml/2006/main">
  <dgm:ptLst>
    <dgm:pt modelId="{1DD85BD5-EF09-4272-B6FD-982829B386CB}" type="doc">
      <dgm:prSet loTypeId="urn:microsoft.com/office/officeart/2005/8/layout/chevron1" loCatId="process" qsTypeId="urn:microsoft.com/office/officeart/2005/8/quickstyle/simple3" qsCatId="simple" csTypeId="urn:microsoft.com/office/officeart/2005/8/colors/accent0_3" csCatId="mainScheme" phldr="1"/>
      <dgm:spPr/>
    </dgm:pt>
    <dgm:pt modelId="{0B6D882C-F743-423B-AC16-BCD2C4DE78AD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Problem</a:t>
          </a:r>
        </a:p>
      </dgm:t>
    </dgm:pt>
    <dgm:pt modelId="{24F486DE-5834-48F4-9069-0269C42EAC79}" type="parTrans" cxnId="{044D562E-E05E-4E9C-8C07-99B866EC7F90}">
      <dgm:prSet/>
      <dgm:spPr/>
      <dgm:t>
        <a:bodyPr/>
        <a:lstStyle/>
        <a:p>
          <a:endParaRPr lang="en-US" sz="1600"/>
        </a:p>
      </dgm:t>
    </dgm:pt>
    <dgm:pt modelId="{F4A5C40D-6422-4ABB-A46B-9522D3118E05}" type="sibTrans" cxnId="{044D562E-E05E-4E9C-8C07-99B866EC7F90}">
      <dgm:prSet/>
      <dgm:spPr/>
      <dgm:t>
        <a:bodyPr/>
        <a:lstStyle/>
        <a:p>
          <a:endParaRPr lang="en-US" sz="1600"/>
        </a:p>
      </dgm:t>
    </dgm:pt>
    <dgm:pt modelId="{A5CEEE01-4AC3-4F56-94DF-6846028FE609}">
      <dgm:prSet phldrT="[Text]" custT="1"/>
      <dgm:spPr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</dgm:spPr>
      <dgm:t>
        <a:bodyPr/>
        <a:lstStyle/>
        <a:p>
          <a:r>
            <a:rPr lang="en-US" sz="1600" b="1" dirty="0"/>
            <a:t>Process Data</a:t>
          </a:r>
        </a:p>
      </dgm:t>
    </dgm:pt>
    <dgm:pt modelId="{DF531026-3E12-4F42-AB43-F12445AEEFA1}" type="parTrans" cxnId="{3C9AA6BB-AD7E-4C95-A605-6623A3FC0136}">
      <dgm:prSet/>
      <dgm:spPr/>
      <dgm:t>
        <a:bodyPr/>
        <a:lstStyle/>
        <a:p>
          <a:endParaRPr lang="en-US" sz="1600"/>
        </a:p>
      </dgm:t>
    </dgm:pt>
    <dgm:pt modelId="{9DE37DF4-6664-4403-990B-CE2C07510D66}" type="sibTrans" cxnId="{3C9AA6BB-AD7E-4C95-A605-6623A3FC0136}">
      <dgm:prSet/>
      <dgm:spPr/>
      <dgm:t>
        <a:bodyPr/>
        <a:lstStyle/>
        <a:p>
          <a:endParaRPr lang="en-US" sz="1600"/>
        </a:p>
      </dgm:t>
    </dgm:pt>
    <dgm:pt modelId="{82FBA99C-751A-4D2C-81BA-35E5F50BC1A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Get Data</a:t>
          </a:r>
        </a:p>
      </dgm:t>
    </dgm:pt>
    <dgm:pt modelId="{F939A4FB-7CCA-4051-A877-A997065A10D2}" type="parTrans" cxnId="{C41DB271-5709-4C5F-983D-22431307FAE6}">
      <dgm:prSet/>
      <dgm:spPr/>
      <dgm:t>
        <a:bodyPr/>
        <a:lstStyle/>
        <a:p>
          <a:endParaRPr lang="en-US" sz="1600"/>
        </a:p>
      </dgm:t>
    </dgm:pt>
    <dgm:pt modelId="{FA3AFFF6-CE15-4A61-8EDF-9F7FEA717F3A}" type="sibTrans" cxnId="{C41DB271-5709-4C5F-983D-22431307FAE6}">
      <dgm:prSet/>
      <dgm:spPr/>
      <dgm:t>
        <a:bodyPr/>
        <a:lstStyle/>
        <a:p>
          <a:endParaRPr lang="en-US" sz="1600"/>
        </a:p>
      </dgm:t>
    </dgm:pt>
    <dgm:pt modelId="{5DC50580-51A3-4999-B263-776103B22029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Report </a:t>
          </a:r>
          <a:r>
            <a:rPr lang="en-US" sz="1600" b="1"/>
            <a:t>&amp; Deploy</a:t>
          </a:r>
          <a:endParaRPr lang="en-US" sz="1600" b="1" dirty="0"/>
        </a:p>
      </dgm:t>
    </dgm:pt>
    <dgm:pt modelId="{32B6DF60-726F-4D1C-A6CA-E35BB9DF90DC}" type="parTrans" cxnId="{806544CF-84AF-4366-94FE-50FB28926E2C}">
      <dgm:prSet/>
      <dgm:spPr/>
      <dgm:t>
        <a:bodyPr/>
        <a:lstStyle/>
        <a:p>
          <a:endParaRPr lang="en-US" sz="1600"/>
        </a:p>
      </dgm:t>
    </dgm:pt>
    <dgm:pt modelId="{02ABFE6B-9287-40EC-8FC9-AFD1475B46E1}" type="sibTrans" cxnId="{806544CF-84AF-4366-94FE-50FB28926E2C}">
      <dgm:prSet/>
      <dgm:spPr/>
      <dgm:t>
        <a:bodyPr/>
        <a:lstStyle/>
        <a:p>
          <a:endParaRPr lang="en-US" sz="1600"/>
        </a:p>
      </dgm:t>
    </dgm:pt>
    <dgm:pt modelId="{66785C50-0AB0-4FE3-978F-3397512C3FCF}">
      <dgm:prSet phldrT="[Text]" custT="1"/>
      <dgm:spPr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</dgm:spPr>
      <dgm:t>
        <a:bodyPr/>
        <a:lstStyle/>
        <a:p>
          <a:r>
            <a:rPr lang="en-US" sz="1600" b="1" dirty="0"/>
            <a:t>Analyze Data</a:t>
          </a:r>
        </a:p>
      </dgm:t>
    </dgm:pt>
    <dgm:pt modelId="{25B7F26B-C981-44F6-8246-77CC97D741EE}" type="parTrans" cxnId="{607E8725-9F48-4308-9E5B-F9FEC52E11E0}">
      <dgm:prSet/>
      <dgm:spPr/>
      <dgm:t>
        <a:bodyPr/>
        <a:lstStyle/>
        <a:p>
          <a:endParaRPr lang="en-US" sz="1600"/>
        </a:p>
      </dgm:t>
    </dgm:pt>
    <dgm:pt modelId="{FD45A1A9-B33B-45D9-9A76-9685EB828EA2}" type="sibTrans" cxnId="{607E8725-9F48-4308-9E5B-F9FEC52E11E0}">
      <dgm:prSet/>
      <dgm:spPr/>
      <dgm:t>
        <a:bodyPr/>
        <a:lstStyle/>
        <a:p>
          <a:endParaRPr lang="en-US" sz="1600"/>
        </a:p>
      </dgm:t>
    </dgm:pt>
    <dgm:pt modelId="{096F091A-6154-49DA-A93A-6CB82007DE10}" type="pres">
      <dgm:prSet presAssocID="{1DD85BD5-EF09-4272-B6FD-982829B386CB}" presName="Name0" presStyleCnt="0">
        <dgm:presLayoutVars>
          <dgm:dir/>
          <dgm:animLvl val="lvl"/>
          <dgm:resizeHandles val="exact"/>
        </dgm:presLayoutVars>
      </dgm:prSet>
      <dgm:spPr/>
    </dgm:pt>
    <dgm:pt modelId="{73B77BE7-C15B-42D1-A5D5-B7541F01B81B}" type="pres">
      <dgm:prSet presAssocID="{0B6D882C-F743-423B-AC16-BCD2C4DE78AD}" presName="parTxOnly" presStyleLbl="node1" presStyleIdx="0" presStyleCnt="5" custScaleX="75995" custLinFactNeighborX="-1124">
        <dgm:presLayoutVars>
          <dgm:chMax val="0"/>
          <dgm:chPref val="0"/>
          <dgm:bulletEnabled val="1"/>
        </dgm:presLayoutVars>
      </dgm:prSet>
      <dgm:spPr/>
    </dgm:pt>
    <dgm:pt modelId="{B5BAD9AA-F566-4A7E-B961-CB637A8DC438}" type="pres">
      <dgm:prSet presAssocID="{F4A5C40D-6422-4ABB-A46B-9522D3118E05}" presName="parTxOnlySpace" presStyleCnt="0"/>
      <dgm:spPr/>
    </dgm:pt>
    <dgm:pt modelId="{83D78792-AB96-4226-9B35-FE5EBEBA161E}" type="pres">
      <dgm:prSet presAssocID="{A5CEEE01-4AC3-4F56-94DF-6846028FE609}" presName="parTxOnly" presStyleLbl="node1" presStyleIdx="1" presStyleCnt="5" custScaleX="98804" custLinFactX="80188" custLinFactNeighborX="100000" custLinFactNeighborY="-493">
        <dgm:presLayoutVars>
          <dgm:chMax val="0"/>
          <dgm:chPref val="0"/>
          <dgm:bulletEnabled val="1"/>
        </dgm:presLayoutVars>
      </dgm:prSet>
      <dgm:spPr/>
    </dgm:pt>
    <dgm:pt modelId="{FAF501F1-5793-464F-8917-8818DF459A9A}" type="pres">
      <dgm:prSet presAssocID="{9DE37DF4-6664-4403-990B-CE2C07510D66}" presName="parTxOnlySpace" presStyleCnt="0"/>
      <dgm:spPr/>
    </dgm:pt>
    <dgm:pt modelId="{97BE5492-D2B1-471F-A2CA-1476B848B57F}" type="pres">
      <dgm:prSet presAssocID="{82FBA99C-751A-4D2C-81BA-35E5F50BC1A9}" presName="parTxOnly" presStyleLbl="node1" presStyleIdx="2" presStyleCnt="5" custLinFactX="-80036" custLinFactNeighborX="-100000" custLinFactNeighborY="-1143">
        <dgm:presLayoutVars>
          <dgm:chMax val="0"/>
          <dgm:chPref val="0"/>
          <dgm:bulletEnabled val="1"/>
        </dgm:presLayoutVars>
      </dgm:prSet>
      <dgm:spPr/>
    </dgm:pt>
    <dgm:pt modelId="{AA6B29F7-ABC4-4B0C-8006-48C419DC0A32}" type="pres">
      <dgm:prSet presAssocID="{FA3AFFF6-CE15-4A61-8EDF-9F7FEA717F3A}" presName="parTxOnlySpace" presStyleCnt="0"/>
      <dgm:spPr/>
    </dgm:pt>
    <dgm:pt modelId="{E8AAB478-734D-4EE6-B1B7-34289BAA7D86}" type="pres">
      <dgm:prSet presAssocID="{66785C50-0AB0-4FE3-978F-3397512C3FCF}" presName="parTxOnly" presStyleLbl="node1" presStyleIdx="3" presStyleCnt="5">
        <dgm:presLayoutVars>
          <dgm:chMax val="0"/>
          <dgm:chPref val="0"/>
          <dgm:bulletEnabled val="1"/>
        </dgm:presLayoutVars>
      </dgm:prSet>
      <dgm:spPr/>
    </dgm:pt>
    <dgm:pt modelId="{761810F3-FD81-4600-8A97-D76E3CA98A2B}" type="pres">
      <dgm:prSet presAssocID="{FD45A1A9-B33B-45D9-9A76-9685EB828EA2}" presName="parTxOnlySpace" presStyleCnt="0"/>
      <dgm:spPr/>
    </dgm:pt>
    <dgm:pt modelId="{08882769-E7AD-4DB5-90F8-06B196532136}" type="pres">
      <dgm:prSet presAssocID="{5DC50580-51A3-4999-B263-776103B22029}" presName="parTxOnly" presStyleLbl="node1" presStyleIdx="4" presStyleCnt="5">
        <dgm:presLayoutVars>
          <dgm:chMax val="0"/>
          <dgm:chPref val="0"/>
          <dgm:bulletEnabled val="1"/>
        </dgm:presLayoutVars>
      </dgm:prSet>
      <dgm:spPr/>
    </dgm:pt>
  </dgm:ptLst>
  <dgm:cxnLst>
    <dgm:cxn modelId="{9E0DA507-D566-490A-B2B9-F78CCC3DDC39}" type="presOf" srcId="{5DC50580-51A3-4999-B263-776103B22029}" destId="{08882769-E7AD-4DB5-90F8-06B196532136}" srcOrd="0" destOrd="0" presId="urn:microsoft.com/office/officeart/2005/8/layout/chevron1"/>
    <dgm:cxn modelId="{3677921C-7DC2-4433-9771-F90269669D01}" type="presOf" srcId="{0B6D882C-F743-423B-AC16-BCD2C4DE78AD}" destId="{73B77BE7-C15B-42D1-A5D5-B7541F01B81B}" srcOrd="0" destOrd="0" presId="urn:microsoft.com/office/officeart/2005/8/layout/chevron1"/>
    <dgm:cxn modelId="{607E8725-9F48-4308-9E5B-F9FEC52E11E0}" srcId="{1DD85BD5-EF09-4272-B6FD-982829B386CB}" destId="{66785C50-0AB0-4FE3-978F-3397512C3FCF}" srcOrd="3" destOrd="0" parTransId="{25B7F26B-C981-44F6-8246-77CC97D741EE}" sibTransId="{FD45A1A9-B33B-45D9-9A76-9685EB828EA2}"/>
    <dgm:cxn modelId="{044D562E-E05E-4E9C-8C07-99B866EC7F90}" srcId="{1DD85BD5-EF09-4272-B6FD-982829B386CB}" destId="{0B6D882C-F743-423B-AC16-BCD2C4DE78AD}" srcOrd="0" destOrd="0" parTransId="{24F486DE-5834-48F4-9069-0269C42EAC79}" sibTransId="{F4A5C40D-6422-4ABB-A46B-9522D3118E05}"/>
    <dgm:cxn modelId="{F4DAB561-3297-4696-B6FF-DD90386295F9}" type="presOf" srcId="{82FBA99C-751A-4D2C-81BA-35E5F50BC1A9}" destId="{97BE5492-D2B1-471F-A2CA-1476B848B57F}" srcOrd="0" destOrd="0" presId="urn:microsoft.com/office/officeart/2005/8/layout/chevron1"/>
    <dgm:cxn modelId="{C41DB271-5709-4C5F-983D-22431307FAE6}" srcId="{1DD85BD5-EF09-4272-B6FD-982829B386CB}" destId="{82FBA99C-751A-4D2C-81BA-35E5F50BC1A9}" srcOrd="2" destOrd="0" parTransId="{F939A4FB-7CCA-4051-A877-A997065A10D2}" sibTransId="{FA3AFFF6-CE15-4A61-8EDF-9F7FEA717F3A}"/>
    <dgm:cxn modelId="{52BC6583-159F-4A16-83FE-D612C23AB136}" type="presOf" srcId="{1DD85BD5-EF09-4272-B6FD-982829B386CB}" destId="{096F091A-6154-49DA-A93A-6CB82007DE10}" srcOrd="0" destOrd="0" presId="urn:microsoft.com/office/officeart/2005/8/layout/chevron1"/>
    <dgm:cxn modelId="{7894ABA3-ABF4-4725-B165-31612334C7A0}" type="presOf" srcId="{A5CEEE01-4AC3-4F56-94DF-6846028FE609}" destId="{83D78792-AB96-4226-9B35-FE5EBEBA161E}" srcOrd="0" destOrd="0" presId="urn:microsoft.com/office/officeart/2005/8/layout/chevron1"/>
    <dgm:cxn modelId="{3C9AA6BB-AD7E-4C95-A605-6623A3FC0136}" srcId="{1DD85BD5-EF09-4272-B6FD-982829B386CB}" destId="{A5CEEE01-4AC3-4F56-94DF-6846028FE609}" srcOrd="1" destOrd="0" parTransId="{DF531026-3E12-4F42-AB43-F12445AEEFA1}" sibTransId="{9DE37DF4-6664-4403-990B-CE2C07510D66}"/>
    <dgm:cxn modelId="{806544CF-84AF-4366-94FE-50FB28926E2C}" srcId="{1DD85BD5-EF09-4272-B6FD-982829B386CB}" destId="{5DC50580-51A3-4999-B263-776103B22029}" srcOrd="4" destOrd="0" parTransId="{32B6DF60-726F-4D1C-A6CA-E35BB9DF90DC}" sibTransId="{02ABFE6B-9287-40EC-8FC9-AFD1475B46E1}"/>
    <dgm:cxn modelId="{45C1FFF8-D517-4AF2-B4CF-AD143E16993F}" type="presOf" srcId="{66785C50-0AB0-4FE3-978F-3397512C3FCF}" destId="{E8AAB478-734D-4EE6-B1B7-34289BAA7D86}" srcOrd="0" destOrd="0" presId="urn:microsoft.com/office/officeart/2005/8/layout/chevron1"/>
    <dgm:cxn modelId="{86AAEA0B-7487-416D-92A6-A495CA22CF74}" type="presParOf" srcId="{096F091A-6154-49DA-A93A-6CB82007DE10}" destId="{73B77BE7-C15B-42D1-A5D5-B7541F01B81B}" srcOrd="0" destOrd="0" presId="urn:microsoft.com/office/officeart/2005/8/layout/chevron1"/>
    <dgm:cxn modelId="{79431EC1-A6E0-4B3B-BB08-B7D81D2A2168}" type="presParOf" srcId="{096F091A-6154-49DA-A93A-6CB82007DE10}" destId="{B5BAD9AA-F566-4A7E-B961-CB637A8DC438}" srcOrd="1" destOrd="0" presId="urn:microsoft.com/office/officeart/2005/8/layout/chevron1"/>
    <dgm:cxn modelId="{C2BA8E0E-C5B1-4BC0-A668-C12201B6863C}" type="presParOf" srcId="{096F091A-6154-49DA-A93A-6CB82007DE10}" destId="{83D78792-AB96-4226-9B35-FE5EBEBA161E}" srcOrd="2" destOrd="0" presId="urn:microsoft.com/office/officeart/2005/8/layout/chevron1"/>
    <dgm:cxn modelId="{05A318A2-3B5C-4714-B5DC-10D642A0483C}" type="presParOf" srcId="{096F091A-6154-49DA-A93A-6CB82007DE10}" destId="{FAF501F1-5793-464F-8917-8818DF459A9A}" srcOrd="3" destOrd="0" presId="urn:microsoft.com/office/officeart/2005/8/layout/chevron1"/>
    <dgm:cxn modelId="{D4EE7A20-E12F-4BEB-8CC1-285183CDB72A}" type="presParOf" srcId="{096F091A-6154-49DA-A93A-6CB82007DE10}" destId="{97BE5492-D2B1-471F-A2CA-1476B848B57F}" srcOrd="4" destOrd="0" presId="urn:microsoft.com/office/officeart/2005/8/layout/chevron1"/>
    <dgm:cxn modelId="{FBEE7A34-99FD-4F1B-BEF7-7BEE406B1390}" type="presParOf" srcId="{096F091A-6154-49DA-A93A-6CB82007DE10}" destId="{AA6B29F7-ABC4-4B0C-8006-48C419DC0A32}" srcOrd="5" destOrd="0" presId="urn:microsoft.com/office/officeart/2005/8/layout/chevron1"/>
    <dgm:cxn modelId="{D4F22BC5-6310-45F2-8930-EB4A714D2D9C}" type="presParOf" srcId="{096F091A-6154-49DA-A93A-6CB82007DE10}" destId="{E8AAB478-734D-4EE6-B1B7-34289BAA7D86}" srcOrd="6" destOrd="0" presId="urn:microsoft.com/office/officeart/2005/8/layout/chevron1"/>
    <dgm:cxn modelId="{D02EA319-1934-4D74-BEFF-0786F20F758E}" type="presParOf" srcId="{096F091A-6154-49DA-A93A-6CB82007DE10}" destId="{761810F3-FD81-4600-8A97-D76E3CA98A2B}" srcOrd="7" destOrd="0" presId="urn:microsoft.com/office/officeart/2005/8/layout/chevron1"/>
    <dgm:cxn modelId="{8D895E4B-55FF-4C61-A621-C9C81FB0C318}" type="presParOf" srcId="{096F091A-6154-49DA-A93A-6CB82007DE10}" destId="{08882769-E7AD-4DB5-90F8-06B196532136}" srcOrd="8" destOrd="0" presId="urn:microsoft.com/office/officeart/2005/8/layout/chevron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E3A7E6D-6B5C-4731-B7C6-38098ADC5EF6}">
      <dsp:nvSpPr>
        <dsp:cNvPr id="0" name=""/>
        <dsp:cNvSpPr/>
      </dsp:nvSpPr>
      <dsp:spPr>
        <a:xfrm>
          <a:off x="1436942" y="-70959"/>
          <a:ext cx="5379671" cy="5379671"/>
        </a:xfrm>
        <a:prstGeom prst="circularArrow">
          <a:avLst>
            <a:gd name="adj1" fmla="val 5544"/>
            <a:gd name="adj2" fmla="val 330680"/>
            <a:gd name="adj3" fmla="val 13767645"/>
            <a:gd name="adj4" fmla="val 17391005"/>
            <a:gd name="adj5" fmla="val 5757"/>
          </a:avLst>
        </a:prstGeom>
        <a:solidFill>
          <a:schemeClr val="accent4">
            <a:lumMod val="5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3D534264-1C6C-4963-8E1C-CA7F6201E361}">
      <dsp:nvSpPr>
        <dsp:cNvPr id="0" name=""/>
        <dsp:cNvSpPr/>
      </dsp:nvSpPr>
      <dsp:spPr>
        <a:xfrm>
          <a:off x="2862732" y="-36645"/>
          <a:ext cx="2528093" cy="1264046"/>
        </a:xfrm>
        <a:prstGeom prst="roundRect">
          <a:avLst/>
        </a:prstGeom>
        <a:solidFill>
          <a:srgbClr val="68000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 dirty="0">
              <a:latin typeface="Bahnschrift SemiCondensed" panose="020B0502040204020203" pitchFamily="34" charset="0"/>
            </a:rPr>
            <a:t>Business Understanding </a:t>
          </a:r>
          <a:r>
            <a:rPr lang="en-US" sz="2000" kern="1200" dirty="0">
              <a:latin typeface="Bahnschrift SemiCondensed" panose="020B0502040204020203" pitchFamily="34" charset="0"/>
            </a:rPr>
            <a:t>(Problem Definition)</a:t>
          </a:r>
        </a:p>
      </dsp:txBody>
      <dsp:txXfrm>
        <a:off x="2924438" y="25061"/>
        <a:ext cx="2404681" cy="1140634"/>
      </dsp:txXfrm>
    </dsp:sp>
    <dsp:sp modelId="{BDC489EB-4FB6-46A3-AF1A-0D93DEA53D6F}">
      <dsp:nvSpPr>
        <dsp:cNvPr id="0" name=""/>
        <dsp:cNvSpPr/>
      </dsp:nvSpPr>
      <dsp:spPr>
        <a:xfrm>
          <a:off x="5050211" y="1489086"/>
          <a:ext cx="2276978" cy="1264046"/>
        </a:xfrm>
        <a:prstGeom prst="roundRect">
          <a:avLst/>
        </a:prstGeom>
        <a:solidFill>
          <a:srgbClr val="68000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 dirty="0">
              <a:latin typeface="Bahnschrift SemiCondensed" panose="020B0502040204020203" pitchFamily="34" charset="0"/>
            </a:rPr>
            <a:t>Data Acquisition</a:t>
          </a:r>
        </a:p>
      </dsp:txBody>
      <dsp:txXfrm>
        <a:off x="5111917" y="1550792"/>
        <a:ext cx="2153566" cy="1140634"/>
      </dsp:txXfrm>
    </dsp:sp>
    <dsp:sp modelId="{9BD0EAD7-59EE-485A-8551-917922F9C6DF}">
      <dsp:nvSpPr>
        <dsp:cNvPr id="0" name=""/>
        <dsp:cNvSpPr/>
      </dsp:nvSpPr>
      <dsp:spPr>
        <a:xfrm>
          <a:off x="4349439" y="3498529"/>
          <a:ext cx="2528093" cy="1264046"/>
        </a:xfrm>
        <a:prstGeom prst="roundRect">
          <a:avLst/>
        </a:prstGeom>
        <a:solidFill>
          <a:srgbClr val="68000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 dirty="0">
              <a:latin typeface="Bahnschrift SemiCondensed" panose="020B0502040204020203" pitchFamily="34" charset="0"/>
            </a:rPr>
            <a:t>Data Processing (</a:t>
          </a:r>
          <a:r>
            <a:rPr lang="en-US" sz="1800" kern="1200" dirty="0">
              <a:latin typeface="Bahnschrift SemiCondensed" panose="020B0502040204020203" pitchFamily="34" charset="0"/>
            </a:rPr>
            <a:t>Structuring, cleaning</a:t>
          </a:r>
          <a:r>
            <a:rPr lang="en-US" sz="2400" kern="1200" dirty="0">
              <a:latin typeface="Bahnschrift SemiCondensed" panose="020B0502040204020203" pitchFamily="34" charset="0"/>
            </a:rPr>
            <a:t>)</a:t>
          </a:r>
        </a:p>
      </dsp:txBody>
      <dsp:txXfrm>
        <a:off x="4411145" y="3560235"/>
        <a:ext cx="2404681" cy="1140634"/>
      </dsp:txXfrm>
    </dsp:sp>
    <dsp:sp modelId="{A5D1EEBA-DA3E-4826-81A8-C1C60D4F9D70}">
      <dsp:nvSpPr>
        <dsp:cNvPr id="0" name=""/>
        <dsp:cNvSpPr/>
      </dsp:nvSpPr>
      <dsp:spPr>
        <a:xfrm>
          <a:off x="802046" y="3282030"/>
          <a:ext cx="2812984" cy="1419726"/>
        </a:xfrm>
        <a:prstGeom prst="roundRect">
          <a:avLst/>
        </a:prstGeom>
        <a:solidFill>
          <a:srgbClr val="68000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 dirty="0">
              <a:latin typeface="Bahnschrift SemiCondensed" panose="020B0502040204020203" pitchFamily="34" charset="0"/>
            </a:rPr>
            <a:t>Data Analysis </a:t>
          </a:r>
        </a:p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 dirty="0">
              <a:latin typeface="Bahnschrift SemiCondensed" panose="020B0502040204020203" pitchFamily="34" charset="0"/>
            </a:rPr>
            <a:t>(</a:t>
          </a:r>
          <a:r>
            <a:rPr lang="en-US" sz="2000" kern="1200" dirty="0">
              <a:latin typeface="Bahnschrift SemiCondensed" panose="020B0502040204020203" pitchFamily="34" charset="0"/>
            </a:rPr>
            <a:t>Model building, trends, Intelligent decisions</a:t>
          </a:r>
          <a:r>
            <a:rPr lang="en-US" sz="2400" kern="1200" dirty="0">
              <a:latin typeface="Bahnschrift SemiCondensed" panose="020B0502040204020203" pitchFamily="34" charset="0"/>
            </a:rPr>
            <a:t>) </a:t>
          </a:r>
        </a:p>
      </dsp:txBody>
      <dsp:txXfrm>
        <a:off x="871351" y="3351335"/>
        <a:ext cx="2674374" cy="1281116"/>
      </dsp:txXfrm>
    </dsp:sp>
    <dsp:sp modelId="{98291A91-E0E9-4A5A-A32C-72D74D965038}">
      <dsp:nvSpPr>
        <dsp:cNvPr id="0" name=""/>
        <dsp:cNvSpPr/>
      </dsp:nvSpPr>
      <dsp:spPr>
        <a:xfrm>
          <a:off x="685974" y="1548547"/>
          <a:ext cx="2528093" cy="1264046"/>
        </a:xfrm>
        <a:prstGeom prst="roundRect">
          <a:avLst/>
        </a:prstGeom>
        <a:solidFill>
          <a:srgbClr val="680000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 dirty="0">
              <a:latin typeface="Bahnschrift SemiCondensed" panose="020B0502040204020203" pitchFamily="34" charset="0"/>
            </a:rPr>
            <a:t>Report out, Deployment</a:t>
          </a:r>
        </a:p>
      </dsp:txBody>
      <dsp:txXfrm>
        <a:off x="747680" y="1610253"/>
        <a:ext cx="2404681" cy="1140634"/>
      </dsp:txXfrm>
    </dsp:sp>
  </dsp:spTree>
</dsp:drawing>
</file>

<file path=ppt/diagrams/drawing10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3876732" y="44363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91672" y="44363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1019986" y="339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34926" y="33944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2446824" y="46076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61764" y="46076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drawing1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3876732" y="44363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91672" y="44363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1019986" y="339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34926" y="33944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2446824" y="46076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61764" y="46076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drawing1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3876732" y="44363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91672" y="44363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1019986" y="339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34926" y="33944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2446824" y="46076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61764" y="46076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drawing1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3876732" y="44363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91672" y="44363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1019986" y="339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34926" y="33944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2446824" y="46076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61764" y="46076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1047732" y="38750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62672" y="38750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2439582" y="45093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54522" y="45093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3855017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69957" y="41144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2459579" y="38039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74519" y="38039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1019986" y="339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34926" y="33944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3855017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69957" y="41144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2459579" y="38039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74519" y="38039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1019986" y="339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34926" y="33944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3855017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69957" y="41144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drawing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2459579" y="38039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74519" y="38039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1019986" y="339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34926" y="33944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3855017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69957" y="41144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drawing6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2459579" y="38039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74519" y="38039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1019986" y="339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34926" y="33944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3855017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69957" y="41144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drawing7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2459579" y="38039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74519" y="38039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1019986" y="339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34926" y="33944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3855017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69957" y="41144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drawing8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3876732" y="44363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91672" y="44363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1019986" y="339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34926" y="33944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2446824" y="46076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61764" y="46076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drawing9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B77BE7-C15B-42D1-A5D5-B7541F01B81B}">
      <dsp:nvSpPr>
        <dsp:cNvPr id="0" name=""/>
        <dsp:cNvSpPr/>
      </dsp:nvSpPr>
      <dsp:spPr>
        <a:xfrm>
          <a:off x="0" y="41144"/>
          <a:ext cx="1196695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blem</a:t>
          </a:r>
        </a:p>
      </dsp:txBody>
      <dsp:txXfrm>
        <a:off x="314940" y="41144"/>
        <a:ext cx="566815" cy="629880"/>
      </dsp:txXfrm>
    </dsp:sp>
    <dsp:sp modelId="{83D78792-AB96-4226-9B35-FE5EBEBA161E}">
      <dsp:nvSpPr>
        <dsp:cNvPr id="0" name=""/>
        <dsp:cNvSpPr/>
      </dsp:nvSpPr>
      <dsp:spPr>
        <a:xfrm>
          <a:off x="2459579" y="38039"/>
          <a:ext cx="1555869" cy="629880"/>
        </a:xfrm>
        <a:prstGeom prst="chevron">
          <a:avLst/>
        </a:prstGeom>
        <a:gradFill flip="none" rotWithShape="0">
          <a:gsLst>
            <a:gs pos="0">
              <a:schemeClr val="tx2">
                <a:lumMod val="40000"/>
                <a:lumOff val="60000"/>
                <a:tint val="66000"/>
                <a:satMod val="160000"/>
              </a:schemeClr>
            </a:gs>
            <a:gs pos="50000">
              <a:schemeClr val="tx2">
                <a:lumMod val="40000"/>
                <a:lumOff val="60000"/>
                <a:tint val="44500"/>
                <a:satMod val="160000"/>
              </a:schemeClr>
            </a:gs>
            <a:gs pos="100000">
              <a:schemeClr val="tx2">
                <a:lumMod val="40000"/>
                <a:lumOff val="60000"/>
                <a:tint val="23500"/>
                <a:satMod val="160000"/>
              </a:schemeClr>
            </a:gs>
          </a:gsLst>
          <a:lin ang="81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Process Data</a:t>
          </a:r>
        </a:p>
      </dsp:txBody>
      <dsp:txXfrm>
        <a:off x="2774519" y="38039"/>
        <a:ext cx="925989" cy="629880"/>
      </dsp:txXfrm>
    </dsp:sp>
    <dsp:sp modelId="{97BE5492-D2B1-471F-A2CA-1476B848B57F}">
      <dsp:nvSpPr>
        <dsp:cNvPr id="0" name=""/>
        <dsp:cNvSpPr/>
      </dsp:nvSpPr>
      <dsp:spPr>
        <a:xfrm>
          <a:off x="1019986" y="339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Get Data</a:t>
          </a:r>
        </a:p>
      </dsp:txBody>
      <dsp:txXfrm>
        <a:off x="1334926" y="33944"/>
        <a:ext cx="944822" cy="629880"/>
      </dsp:txXfrm>
    </dsp:sp>
    <dsp:sp modelId="{E8AAB478-734D-4EE6-B1B7-34289BAA7D86}">
      <dsp:nvSpPr>
        <dsp:cNvPr id="0" name=""/>
        <dsp:cNvSpPr/>
      </dsp:nvSpPr>
      <dsp:spPr>
        <a:xfrm>
          <a:off x="3855017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Analyze Data</a:t>
          </a:r>
        </a:p>
      </dsp:txBody>
      <dsp:txXfrm>
        <a:off x="4169957" y="41144"/>
        <a:ext cx="944822" cy="629880"/>
      </dsp:txXfrm>
    </dsp:sp>
    <dsp:sp modelId="{08882769-E7AD-4DB5-90F8-06B196532136}">
      <dsp:nvSpPr>
        <dsp:cNvPr id="0" name=""/>
        <dsp:cNvSpPr/>
      </dsp:nvSpPr>
      <dsp:spPr>
        <a:xfrm>
          <a:off x="5272249" y="41144"/>
          <a:ext cx="1574702" cy="629880"/>
        </a:xfrm>
        <a:prstGeom prst="chevron">
          <a:avLst/>
        </a:prstGeom>
        <a:gradFill flip="none" rotWithShape="0">
          <a:gsLst>
            <a:gs pos="0">
              <a:srgbClr val="002060">
                <a:tint val="66000"/>
                <a:satMod val="160000"/>
              </a:srgbClr>
            </a:gs>
            <a:gs pos="50000">
              <a:srgbClr val="002060">
                <a:tint val="44500"/>
                <a:satMod val="160000"/>
              </a:srgbClr>
            </a:gs>
            <a:gs pos="100000">
              <a:srgbClr val="002060">
                <a:tint val="23500"/>
                <a:satMod val="160000"/>
              </a:srgbClr>
            </a:gs>
          </a:gsLst>
          <a:lin ang="5400000" scaled="1"/>
          <a:tileRect/>
        </a:gradFill>
        <a:ln>
          <a:noFill/>
        </a:ln>
        <a:effectLst>
          <a:outerShdw blurRad="40000" dist="20000" dir="5400000" rotWithShape="0">
            <a:srgbClr val="000000">
              <a:alpha val="38000"/>
            </a:srgbClr>
          </a:outerShdw>
        </a:effectLst>
        <a:scene3d>
          <a:camera prst="orthographicFront"/>
          <a:lightRig rig="flat" dir="t"/>
        </a:scene3d>
        <a:sp3d prstMaterial="dkEdge">
          <a:bevelT w="8200" h="38100"/>
        </a:sp3d>
      </dsp:spPr>
      <dsp:style>
        <a:lnRef idx="0">
          <a:scrgbClr r="0" g="0" b="0"/>
        </a:lnRef>
        <a:fillRef idx="2">
          <a:scrgbClr r="0" g="0" b="0"/>
        </a:fillRef>
        <a:effectRef idx="1">
          <a:scrgbClr r="0" g="0" b="0"/>
        </a:effectRef>
        <a:fontRef idx="minor">
          <a:schemeClr val="dk1"/>
        </a:fontRef>
      </dsp:style>
      <dsp:txBody>
        <a:bodyPr spcFirstLastPara="0" vert="horz" wrap="square" lIns="64008" tIns="21336" rIns="21336" bIns="21336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b="1" kern="1200" dirty="0"/>
            <a:t>Report </a:t>
          </a:r>
          <a:r>
            <a:rPr lang="en-US" sz="1600" b="1" kern="1200"/>
            <a:t>&amp; Deploy</a:t>
          </a:r>
          <a:endParaRPr lang="en-US" sz="1600" b="1" kern="1200" dirty="0"/>
        </a:p>
      </dsp:txBody>
      <dsp:txXfrm>
        <a:off x="5587189" y="41144"/>
        <a:ext cx="944822" cy="629880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3">
  <dgm:title val=""/>
  <dgm:desc val=""/>
  <dgm:catLst>
    <dgm:cat type="cycle" pri="5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axis="ch" ptType="node" func="cnt" op="equ" val="2">
        <dgm:alg type="composite">
          <dgm:param type="ar" val="0.9"/>
        </dgm:alg>
        <dgm:shape xmlns:r="http://schemas.openxmlformats.org/officeDocument/2006/relationships" r:blip="">
          <dgm:adjLst/>
        </dgm:shape>
        <dgm:presOf/>
        <dgm:constrLst>
          <dgm:constr type="primFontSz" for="ch" ptType="node" op="equ" val="65"/>
          <dgm:constr type="ctrX" for="ch" forName="node1" refType="w" fact="0.5"/>
          <dgm:constr type="t" for="ch" forName="node1"/>
          <dgm:constr type="w" for="ch" forName="node1" refType="w" fact="0.8"/>
          <dgm:constr type="h" for="ch" forName="node1" refType="w" refFor="ch" refForName="node1" fact="0.5"/>
          <dgm:constr type="ctrX" for="ch" forName="sibTrans" refType="w" fact="0.5"/>
          <dgm:constr type="t" for="ch" forName="sibTrans"/>
          <dgm:constr type="w" for="ch" forName="sibTrans" refType="w" fact="0.8"/>
          <dgm:constr type="h" for="ch" forName="sibTrans" refType="w" refFor="ch" refForName="node1" fact="0.5"/>
          <dgm:constr type="userA" for="ch" forName="sibTrans" refType="w" fact="1.07"/>
          <dgm:constr type="ctrX" for="ch" forName="node2" refType="w" fact="0.5"/>
          <dgm:constr type="b" for="ch" forName="node2" refType="h"/>
          <dgm:constr type="w" for="ch" forName="node2" refType="w" fact="0.8"/>
          <dgm:constr type="h" for="ch" forName="node2" refType="w" refFor="ch" refForName="node1" fact="0.5"/>
          <dgm:constr type="l" for="ch" forName="sp1"/>
          <dgm:constr type="t" for="ch" forName="sp1" refType="h" fact="0.5"/>
          <dgm:constr type="w" for="ch" forName="sp1" val="1"/>
          <dgm:constr type="h" for="ch" forName="sp1" val="1"/>
          <dgm:constr type="r" for="ch" forName="sp2" refType="w"/>
          <dgm:constr type="t" for="ch" forName="sp2" refType="h" fact="0.5"/>
          <dgm:constr type="w" for="ch" forName="sp2" val="1"/>
          <dgm:constr type="h" for="ch" forName="sp2" val="1"/>
        </dgm:constrLst>
        <dgm:ruleLst/>
      </dgm:if>
      <dgm:else name="Name3">
        <dgm:alg type="composite"/>
        <dgm:shape xmlns:r="http://schemas.openxmlformats.org/officeDocument/2006/relationships" r:blip="">
          <dgm:adjLst/>
        </dgm:shape>
        <dgm:presOf/>
        <dgm:constrLst>
          <dgm:constr type="primFontSz" for="ch" ptType="node" op="equ" val="65"/>
        </dgm:constrLst>
        <dgm:ruleLst/>
      </dgm:else>
    </dgm:choose>
    <dgm:choose name="Name4">
      <dgm:if name="Name5" axis="ch" ptType="node" func="cnt" op="equ" val="2">
        <dgm:layoutNode name="node1">
          <dgm:varLst>
            <dgm:bulletEnabled val="1"/>
          </dgm:varLst>
          <dgm:alg type="tx"/>
          <dgm:shape xmlns:r="http://schemas.openxmlformats.org/officeDocument/2006/relationships" type="roundRect" r:blip="">
            <dgm:adjLst/>
          </dgm:shape>
          <dgm:presOf axis="ch desOrSelf" ptType="node node" st="1 1" cnt="1 0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layoutNode name="sibTrans" styleLbl="bgShp">
          <dgm:choose name="Name6">
            <dgm:if name="Name7" func="var" arg="dir" op="equ" val="norm">
              <dgm:alg type="conn">
                <dgm:param type="connRout" val="longCurve"/>
                <dgm:param type="begPts" val="midR"/>
                <dgm:param type="endPts" val="midL"/>
                <dgm:param type="dstNode" val="node1"/>
              </dgm:alg>
              <dgm:shape xmlns:r="http://schemas.openxmlformats.org/officeDocument/2006/relationships" type="conn" r:blip="" zOrderOff="-2">
                <dgm:adjLst/>
              </dgm:shape>
              <dgm:presOf axis="ch" ptType="sibTrans"/>
              <dgm:constrLst>
                <dgm:constr type="userA"/>
                <dgm:constr type="diam" refType="userA" fact="-1"/>
                <dgm:constr type="wArH" refType="userA" fact="0.05"/>
                <dgm:constr type="hArH" refType="userA" fact="0.1"/>
                <dgm:constr type="stemThick" refType="userA" fact="0.06"/>
                <dgm:constr type="begPad" refType="connDist" fact="-0.2"/>
                <dgm:constr type="endPad" refType="connDist" fact="0.05"/>
              </dgm:constrLst>
            </dgm:if>
            <dgm:else name="Name8">
              <dgm:alg type="conn">
                <dgm:param type="connRout" val="longCurve"/>
                <dgm:param type="begPts" val="midL"/>
                <dgm:param type="endPts" val="midR"/>
                <dgm:param type="dstNode" val="node1"/>
              </dgm:alg>
              <dgm:shape xmlns:r="http://schemas.openxmlformats.org/officeDocument/2006/relationships" type="conn" r:blip="" zOrderOff="-2">
                <dgm:adjLst/>
              </dgm:shape>
              <dgm:presOf axis="ch" ptType="sibTrans"/>
              <dgm:constrLst>
                <dgm:constr type="userA"/>
                <dgm:constr type="diam" refType="userA"/>
                <dgm:constr type="wArH" refType="userA" fact="0.05"/>
                <dgm:constr type="hArH" refType="userA" fact="0.1"/>
                <dgm:constr type="stemThick" refType="userA" fact="0.06"/>
                <dgm:constr type="begPad" refType="connDist" fact="-0.2"/>
                <dgm:constr type="endPad" refType="connDist" fact="0.05"/>
              </dgm:constrLst>
            </dgm:else>
          </dgm:choose>
          <dgm:ruleLst/>
        </dgm:layoutNode>
        <dgm:layoutNode name="node2">
          <dgm:varLst>
            <dgm:bulletEnabled val="1"/>
          </dgm:varLst>
          <dgm:alg type="tx"/>
          <dgm:shape xmlns:r="http://schemas.openxmlformats.org/officeDocument/2006/relationships" type="roundRect" r:blip="">
            <dgm:adjLst/>
          </dgm:shape>
          <dgm:presOf axis="ch desOrSelf" ptType="node node" st="2 1" cnt="1 0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layoutNode name="sp1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sp2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if>
      <dgm:else name="Name9">
        <dgm:layoutNode name="cycle">
          <dgm:choose name="Name10">
            <dgm:if name="Name11" func="var" arg="dir" op="equ" val="norm">
              <dgm:alg type="cycle">
                <dgm:param type="stAng" val="0"/>
                <dgm:param type="spanAng" val="360"/>
              </dgm:alg>
              <dgm:shape xmlns:r="http://schemas.openxmlformats.org/officeDocument/2006/relationships" r:blip="">
                <dgm:adjLst/>
              </dgm:shape>
              <dgm:presOf/>
              <dgm:constrLst>
                <dgm:constr type="diam" refType="w"/>
                <dgm:constr type="w" for="ch" ptType="node" refType="w"/>
                <dgm:constr type="sibSp" val="15"/>
                <dgm:constr type="userA" for="ch" ptType="sibTrans" refType="diam" op="equ" fact="-1"/>
                <dgm:constr type="wArH" for="ch" ptType="sibTrans" refType="diam" op="equ" fact="0.05"/>
                <dgm:constr type="hArH" for="ch" ptType="sibTrans" refType="diam" op="equ" fact="0.1"/>
                <dgm:constr type="stemThick" for="ch" ptType="sibTrans" refType="diam" op="equ" fact="0.065"/>
                <dgm:constr type="primFontSz" for="ch" ptType="node" op="equ"/>
              </dgm:constrLst>
            </dgm:if>
            <dgm:else name="Name12">
              <dgm:alg type="cycle">
                <dgm:param type="stAng" val="0"/>
                <dgm:param type="spanAng" val="-360"/>
              </dgm:alg>
              <dgm:shape xmlns:r="http://schemas.openxmlformats.org/officeDocument/2006/relationships" r:blip="">
                <dgm:adjLst/>
              </dgm:shape>
              <dgm:presOf/>
              <dgm:constrLst>
                <dgm:constr type="diam" refType="w"/>
                <dgm:constr type="w" for="ch" ptType="node" refType="w"/>
                <dgm:constr type="sibSp" val="15"/>
                <dgm:constr type="userA" for="ch" ptType="sibTrans" refType="diam" op="equ"/>
                <dgm:constr type="wArH" for="ch" ptType="sibTrans" refType="diam" op="equ" fact="0.05"/>
                <dgm:constr type="hArH" for="ch" ptType="sibTrans" refType="diam" op="equ" fact="0.1"/>
                <dgm:constr type="stemThick" for="ch" ptType="sibTrans" refType="diam" op="equ" fact="0.065"/>
                <dgm:constr type="primFontSz" for="ch" ptType="node" op="equ"/>
              </dgm:constrLst>
            </dgm:else>
          </dgm:choose>
          <dgm:ruleLst/>
          <dgm:forEach name="nodesFirstNodeForEach" axis="ch" ptType="node" cnt="1">
            <dgm:layoutNode name="nodeFirstNode">
              <dgm:varLst>
                <dgm:bulletEnabled val="1"/>
              </dgm:varLst>
              <dgm:alg type="tx"/>
              <dgm:shape xmlns:r="http://schemas.openxmlformats.org/officeDocument/2006/relationships" type="roundRect" r:blip="">
                <dgm:adjLst/>
              </dgm:shape>
              <dgm:presOf axis="desOrSelf" ptType="node"/>
              <dgm:constrLst>
                <dgm:constr type="h" refType="w" fact="0.5"/>
                <dgm:constr type="primFontSz" val="65"/>
                <dgm:constr type="tMarg" refType="primFontSz" fact="0.3"/>
                <dgm:constr type="bMarg" refType="primFontSz" fact="0.3"/>
                <dgm:constr type="lMarg" refType="primFontSz" fact="0.3"/>
                <dgm:constr type="rMarg" refType="primFontSz" fact="0.3"/>
              </dgm:constrLst>
              <dgm:ruleLst>
                <dgm:rule type="primFontSz" val="5" fact="NaN" max="NaN"/>
              </dgm:ruleLst>
            </dgm:layoutNode>
            <dgm:forEach name="sibTransForEach" axis="followSib" ptType="sibTrans" cnt="1">
              <dgm:layoutNode name="sibTransFirstNode" styleLbl="bgShp">
                <dgm:choose name="Name13">
                  <dgm:if name="Name14" func="var" arg="dir" op="equ" val="norm">
                    <dgm:alg type="conn">
                      <dgm:param type="connRout" val="longCurve"/>
                      <dgm:param type="begPts" val="midR"/>
                      <dgm:param type="endPts" val="midL"/>
                      <dgm:param type="dstNode" val="nodeFirstNode"/>
                    </dgm:alg>
                  </dgm:if>
                  <dgm:else name="Name15">
                    <dgm:alg type="conn">
                      <dgm:param type="connRout" val="longCurve"/>
                      <dgm:param type="begPts" val="midL"/>
                      <dgm:param type="endPts" val="midR"/>
                      <dgm:param type="dstNode" val="nodeFirstNode"/>
                    </dgm:alg>
                  </dgm:else>
                </dgm:choose>
                <dgm:shape xmlns:r="http://schemas.openxmlformats.org/officeDocument/2006/relationships" type="conn" r:blip="" zOrderOff="-2">
                  <dgm:adjLst/>
                </dgm:shape>
                <dgm:presOf axis="self"/>
                <dgm:choose name="Name16">
                  <dgm:if name="Name17" axis="par ch" ptType="doc node" func="cnt" op="equ" val="3">
                    <dgm:constrLst>
                      <dgm:constr type="userA"/>
                      <dgm:constr type="diam" refType="userA" fact="1.01"/>
                      <dgm:constr type="begPad" refType="connDist" fact="-0.2"/>
                      <dgm:constr type="endPad" refType="connDist" fact="0.05"/>
                    </dgm:constrLst>
                  </dgm:if>
                  <dgm:if name="Name18" axis="par ch" ptType="doc node" func="cnt" op="equ" val="4">
                    <dgm:constrLst>
                      <dgm:constr type="userA"/>
                      <dgm:constr type="diam" refType="userA" fact="1.26"/>
                      <dgm:constr type="begPad" refType="connDist" fact="-0.2"/>
                      <dgm:constr type="endPad" refType="connDist" fact="0.05"/>
                    </dgm:constrLst>
                  </dgm:if>
                  <dgm:if name="Name19" axis="par ch" ptType="doc node" func="cnt" op="equ" val="5">
                    <dgm:constrLst>
                      <dgm:constr type="userA"/>
                      <dgm:constr type="diam" refType="userA" fact="1.04"/>
                      <dgm:constr type="begPad" refType="connDist" fact="-0.2"/>
                      <dgm:constr type="endPad" refType="connDist" fact="0.05"/>
                    </dgm:constrLst>
                  </dgm:if>
                  <dgm:if name="Name20" axis="par ch" ptType="doc node" func="cnt" op="equ" val="6">
                    <dgm:constrLst>
                      <dgm:constr type="userA"/>
                      <dgm:constr type="diam" refType="userA" fact="1.1"/>
                      <dgm:constr type="begPad" refType="connDist" fact="-0.2"/>
                      <dgm:constr type="endPad" refType="connDist" fact="0.05"/>
                    </dgm:constrLst>
                  </dgm:if>
                  <dgm:else name="Name21">
                    <dgm:constrLst>
                      <dgm:constr type="userA"/>
                      <dgm:constr type="diam" refType="userA" fact="1.04"/>
                      <dgm:constr type="begPad" refType="connDist" fact="-0.2"/>
                      <dgm:constr type="endPad" refType="connDist" fact="0.05"/>
                    </dgm:constrLst>
                  </dgm:else>
                </dgm:choose>
                <dgm:ruleLst/>
              </dgm:layoutNode>
            </dgm:forEach>
          </dgm:forEach>
          <dgm:forEach name="followingNodesForEach" axis="ch" ptType="node" st="2">
            <dgm:layoutNode name="nodeFollowingNodes">
              <dgm:varLst>
                <dgm:bulletEnabled val="1"/>
              </dgm:varLst>
              <dgm:alg type="tx"/>
              <dgm:shape xmlns:r="http://schemas.openxmlformats.org/officeDocument/2006/relationships" type="roundRect" r:blip="">
                <dgm:adjLst/>
              </dgm:shape>
              <dgm:presOf axis="desOrSelf" ptType="node"/>
              <dgm:constrLst>
                <dgm:constr type="h" refType="w" fact="0.5"/>
                <dgm:constr type="primFontSz" val="65"/>
                <dgm:constr type="tMarg" refType="primFontSz" fact="0.3"/>
                <dgm:constr type="bMarg" refType="primFontSz" fact="0.3"/>
                <dgm:constr type="lMarg" refType="primFontSz" fact="0.3"/>
                <dgm:constr type="rMarg" refType="primFontSz" fact="0.3"/>
              </dgm:constrLst>
              <dgm:ruleLst>
                <dgm:rule type="primFontSz" val="5" fact="NaN" max="NaN"/>
              </dgm:ruleLst>
            </dgm:layoutNode>
          </dgm:forEach>
        </dgm:layoutNode>
      </dgm:else>
    </dgm:choose>
  </dgm:layoutNode>
</dgm:layoutDef>
</file>

<file path=ppt/diagrams/layout10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11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12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13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5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6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7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8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9.xml><?xml version="1.0" encoding="utf-8"?>
<dgm:layoutDef xmlns:dgm="http://schemas.openxmlformats.org/drawingml/2006/diagram" xmlns:a="http://schemas.openxmlformats.org/drawingml/2006/main" uniqueId="urn:microsoft.com/office/officeart/2005/8/layout/chevron1">
  <dgm:title val=""/>
  <dgm:desc val=""/>
  <dgm:catLst>
    <dgm:cat type="process" pri="9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des" func="maxDepth" op="gte" val="2">
        <dgm:constrLst>
          <dgm:constr type="h" for="ch" forName="composite" refType="h"/>
          <dgm:constr type="w" for="ch" forName="composite" refType="w"/>
          <dgm:constr type="w" for="des" forName="parTx"/>
          <dgm:constr type="h" for="des" forName="parTx" op="equ"/>
          <dgm:constr type="w" for="des" forName="desTx"/>
          <dgm:constr type="h" for="des" forName="desTx" op="equ"/>
          <dgm:constr type="primFontSz" for="des" forName="parTx" val="65"/>
          <dgm:constr type="secFontSz" for="des" forName="desTx" refType="primFontSz" refFor="des" refForName="parTx" op="equ"/>
          <dgm:constr type="h" for="des" forName="parTx" refType="primFontSz" refFor="des" refForName="parTx" fact="1.5"/>
          <dgm:constr type="h" for="des" forName="desTx" refType="primFontSz" refFor="des" refForName="parTx" fact="0.5"/>
          <dgm:constr type="w" for="ch" forName="space" op="equ" val="-6"/>
        </dgm:constrLst>
        <dgm:ruleLst>
          <dgm:rule type="w" for="ch" forName="composite" val="0" fact="NaN" max="NaN"/>
          <dgm:rule type="primFontSz" for="des" forName="parTx" val="5" fact="NaN" max="NaN"/>
        </dgm:ruleLst>
        <dgm:forEach name="Name6" axis="ch" ptType="node"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hoose name="Name7">
              <dgm:if name="Name8" func="var" arg="dir" op="equ" val="norm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if>
              <dgm:else name="Name9">
                <dgm:constrLst>
                  <dgm:constr type="l" for="ch" forName="parTx"/>
                  <dgm:constr type="w" for="ch" forName="parTx" refType="w"/>
                  <dgm:constr type="t" for="ch" forName="parTx"/>
                  <dgm:constr type="l" for="ch" forName="desTx" refType="w" fact="0.2"/>
                  <dgm:constr type="w" for="ch" forName="desTx" refType="w" refFor="ch" refForName="parTx" fact="0.8"/>
                  <dgm:constr type="t" for="ch" forName="desTx" refType="h" refFor="ch" refForName="parTx" fact="1.125"/>
                </dgm:constrLst>
              </dgm:else>
            </dgm:choose>
            <dgm:ruleLst>
              <dgm:rule type="h" val="INF" fact="NaN" max="NaN"/>
            </dgm:ruleLst>
            <dgm:layoutNode name="parTx">
              <dgm:varLst>
                <dgm:chMax val="0"/>
                <dgm:chPref val="0"/>
                <dgm:bulletEnabled val="1"/>
              </dgm:varLst>
              <dgm:alg type="tx"/>
              <dgm:choose name="Name10">
                <dgm:if name="Name11" func="var" arg="dir" op="equ" val="norm">
                  <dgm:shape xmlns:r="http://schemas.openxmlformats.org/officeDocument/2006/relationships" type="chevron" r:blip="">
                    <dgm:adjLst/>
                  </dgm:shape>
                </dgm:if>
                <dgm:else name="Name12">
                  <dgm:shape xmlns:r="http://schemas.openxmlformats.org/officeDocument/2006/relationships" rot="180" type="chevron" r:blip="">
                    <dgm:adjLst/>
                  </dgm:shape>
                </dgm:else>
              </dgm:choose>
              <dgm:presOf axis="self" ptType="node"/>
              <dgm:choose name="Name13">
                <dgm:if name="Name14" func="var" arg="dir" op="equ" val="norm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315"/>
                    <dgm:constr type="rMarg" refType="primFontSz" fact="0.105"/>
                  </dgm:constrLst>
                </dgm:if>
                <dgm:else name="Name15">
                  <dgm:constrLst>
                    <dgm:constr type="h" refType="w" op="lte" fact="0.4"/>
                    <dgm:constr type="h"/>
                    <dgm:constr type="tMarg" refType="primFontSz" fact="0.105"/>
                    <dgm:constr type="bMarg" refType="primFontSz" fact="0.105"/>
                    <dgm:constr type="lMarg" refType="primFontSz" fact="0.105"/>
                    <dgm:constr type="rMarg" refType="primFontSz" fact="0.315"/>
                  </dgm:constrLst>
                </dgm:else>
              </dgm:choose>
              <dgm:ruleLst>
                <dgm:rule type="h" val="INF" fact="NaN" max="NaN"/>
              </dgm:ruleLst>
            </dgm:layoutNode>
            <dgm:layoutNode name="desTx" styleLbl="revTx">
              <dgm:varLst>
                <dgm:bulletEnabled val="1"/>
              </dgm:varLst>
              <dgm:alg type="tx">
                <dgm:param type="stBulletLvl" val="1"/>
              </dgm:alg>
              <dgm:choose name="Name16">
                <dgm:if name="Name17" axis="ch" ptType="node" func="cnt" op="gte" val="1">
                  <dgm:shape xmlns:r="http://schemas.openxmlformats.org/officeDocument/2006/relationships" type="rect" r:blip="">
                    <dgm:adjLst/>
                  </dgm:shape>
                </dgm:if>
                <dgm:else name="Name18">
                  <dgm:shape xmlns:r="http://schemas.openxmlformats.org/officeDocument/2006/relationships" type="rect" r:blip="" hideGeom="1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h"/>
                <dgm:constr type="tMarg"/>
                <dgm:constr type="bMarg"/>
                <dgm:constr type="rMarg"/>
                <dgm:constr type="lMarg"/>
              </dgm:constrLst>
              <dgm:ruleLst>
                <dgm:rule type="h" val="INF" fact="NaN" max="NaN"/>
              </dgm:ruleLst>
            </dgm:layoutNode>
          </dgm:layoutNode>
          <dgm:forEach name="Name19" axis="followSib" ptType="sibTrans" cnt="1">
            <dgm:layoutNode name="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20">
        <dgm:constrLst>
          <dgm:constr type="w" for="ch" forName="parTxOnly" refType="w"/>
          <dgm:constr type="h" for="des" forName="parTxOnly" op="equ"/>
          <dgm:constr type="primFontSz" for="des" forName="parTxOnly" op="equ" val="65"/>
          <dgm:constr type="w" for="ch" forName="parTxOnlySpace" refType="w" refFor="ch" refForName="parTxOnly" fact="-0.1"/>
        </dgm:constrLst>
        <dgm:ruleLst/>
        <dgm:forEach name="Name21" axis="ch" ptType="node">
          <dgm:layoutNode name="parTxOnly">
            <dgm:varLst>
              <dgm:chMax val="0"/>
              <dgm:chPref val="0"/>
              <dgm:bulletEnabled val="1"/>
            </dgm:varLst>
            <dgm:alg type="tx"/>
            <dgm:choose name="Name22">
              <dgm:if name="Name23" func="var" arg="dir" op="equ" val="norm">
                <dgm:shape xmlns:r="http://schemas.openxmlformats.org/officeDocument/2006/relationships" type="chevron" r:blip="">
                  <dgm:adjLst/>
                </dgm:shape>
              </dgm:if>
              <dgm:else name="Name24">
                <dgm:shape xmlns:r="http://schemas.openxmlformats.org/officeDocument/2006/relationships" rot="180" type="chevron" r:blip="">
                  <dgm:adjLst/>
                </dgm:shape>
              </dgm:else>
            </dgm:choose>
            <dgm:presOf axis="self" ptType="node"/>
            <dgm:choose name="Name25">
              <dgm:if name="Name26" func="var" arg="dir" op="equ" val="norm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315"/>
                  <dgm:constr type="rMarg" refType="primFontSz" fact="0.105"/>
                </dgm:constrLst>
              </dgm:if>
              <dgm:else name="Name27">
                <dgm:constrLst>
                  <dgm:constr type="h" refType="w" op="equ" fact="0.4"/>
                  <dgm:constr type="tMarg" refType="primFontSz" fact="0.105"/>
                  <dgm:constr type="bMarg" refType="primFontSz" fact="0.105"/>
                  <dgm:constr type="lMarg" refType="primFontSz" fact="0.105"/>
                  <dgm:constr type="rMarg" refType="primFontSz" fact="0.315"/>
                </dgm:constrLst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TxOnly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0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1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2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3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5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6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7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8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9.xml><?xml version="1.0" encoding="utf-8"?>
<dgm:styleDef xmlns:dgm="http://schemas.openxmlformats.org/drawingml/2006/diagram" xmlns:a="http://schemas.openxmlformats.org/drawingml/2006/main" uniqueId="urn:microsoft.com/office/officeart/2005/8/quickstyle/simple3">
  <dgm:title val=""/>
  <dgm:desc val=""/>
  <dgm:catLst>
    <dgm:cat type="simple" pri="10300"/>
  </dgm:catLst>
  <dgm:scene3d>
    <a:camera prst="orthographicFront"/>
    <a:lightRig rig="threePt" dir="t"/>
  </dgm:scene3d>
  <dgm:styleLbl name="node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lnNode1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dk1"/>
      </a:fontRef>
    </dgm:style>
  </dgm:styleLbl>
  <dgm:styleLbl name="venn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node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1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2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3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asst4">
    <dgm:scene3d>
      <a:camera prst="orthographicFront"/>
      <a:lightRig rig="flat" dir="t"/>
    </dgm:scene3d>
    <dgm:sp3d prstMaterial="dkEdge">
      <a:bevelT w="8200" h="38100"/>
    </dgm:sp3d>
    <dgm:txPr/>
    <dgm:style>
      <a:lnRef idx="0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>
        <a:schemeClr val="dk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2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flat" dir="t"/>
    </dgm:scene3d>
    <dgm:sp3d prstMaterial="dkEdge">
      <a:bevelT w="8200" h="38100"/>
    </dgm:sp3d>
    <dgm:txPr/>
    <dgm:style>
      <a:lnRef idx="1">
        <a:scrgbClr r="0" g="0" b="0"/>
      </a:lnRef>
      <a:fillRef idx="2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7/5/2024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7/5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BD25C7F-9A4B-487D-847B-8AD6C18836B7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0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A725CCBA-80C3-4817-89DB-6D984D0F495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952476571" name="Classification" descr="{&quot;templafy&quot;:{&quot;id&quot;:&quot;1b7108b3-9e3a-4034-aeba-b83c9ae9212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4="http://schemas.microsoft.com/office/drawing/2010/main" xmlns:a16="http://schemas.microsoft.com/office/drawing/2014/main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4F086C7-2804-421D-86F6-0C377AD5170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B86297F8-6905-4EC1-9DA0-268763BA2E96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104672085" name="Classification" descr="{&quot;templafy&quot;:{&quot;id&quot;:&quot;91694272-541e-46a7-8459-38ed35badf4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4="http://schemas.microsoft.com/office/drawing/2010/main" xmlns:a16="http://schemas.microsoft.com/office/drawing/2014/main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7F2A9ED0-B262-45EB-B163-BE942E3E3F11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4F0BE50A-027E-4CEF-B5DB-57271BF694E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414807692" name="Classification" descr="{&quot;templafy&quot;:{&quot;id&quot;:&quot;7538dc0f-9df2-48ff-8a59-5eb7ba25772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081FCDB-DABC-4D99-A1D9-97F3162ACDC4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332621A-814E-4F40-9648-309969E41299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223087175" name="Classification" descr="{&quot;templafy&quot;:{&quot;id&quot;:&quot;ecc09601-d23c-4c3e-83c3-018f911f9dd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ED62A86F-7062-4D45-8FDF-AD84F6AFC7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1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003BCFBD-4CE4-409C-ADBF-094B04343E68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4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A941D9CF-B941-4280-8DD1-D881D243EC4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6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097C192C-56D3-4D2E-A5FD-182AEBEC4C9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186231278" name="Classification" descr="{&quot;templafy&quot;:{&quot;id&quot;:&quot;4933a7d1-d29a-4402-bfb1-f16b1c7d7cb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July 5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GUIDES</a:t>
            </a:r>
            <a:endParaRPr lang="en-GB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D27C8A6-3124-4A11-900D-2C649BB3C7C9}" type="datetime4">
              <a:rPr lang="en-GB" smtClean="0"/>
              <a:t>05 July 2024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GB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GB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5000" b="1" i="0" noProof="0" dirty="0">
                <a:solidFill>
                  <a:schemeClr val="bg1"/>
                </a:solidFill>
              </a:rPr>
              <a:t>Do not use </a:t>
            </a:r>
            <a:endParaRPr lang="en-GB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en-GB" smtClean="0"/>
              <a:t>05 July 2024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95269" y="1122363"/>
            <a:ext cx="9001462" cy="2387600"/>
          </a:xfrm>
        </p:spPr>
        <p:txBody>
          <a:bodyPr anchor="b">
            <a:normAutofit/>
          </a:bodyPr>
          <a:lstStyle>
            <a:lvl1pPr algn="ctr">
              <a:defRPr sz="48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95269" y="3602038"/>
            <a:ext cx="9001462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4094394"/>
      </p:ext>
    </p:extLst>
  </p:cSld>
  <p:clrMapOvr>
    <a:masterClrMapping/>
  </p:clrMapOvr>
  <p:hf hdr="0"/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93205035"/>
      </p:ext>
    </p:extLst>
  </p:cSld>
  <p:clrMapOvr>
    <a:masterClrMapping/>
  </p:clrMapOvr>
  <p:hf hd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72EC7CB-C220-4F9F-904D-7507BD4E5788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E2CC540C-F06B-49C1-B9EC-0743FEA2479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453407500" name="Classification" descr="{&quot;templafy&quot;:{&quot;id&quot;:&quot;fe5cc0e6-1b24-44ec-a917-193a4a21ab5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229244" y="657226"/>
            <a:ext cx="9733512" cy="2852737"/>
          </a:xfrm>
        </p:spPr>
        <p:txBody>
          <a:bodyPr anchor="b">
            <a:normAutofit/>
          </a:bodyPr>
          <a:lstStyle>
            <a:lvl1pPr>
              <a:defRPr sz="34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229244" y="3602038"/>
            <a:ext cx="9733512" cy="1500187"/>
          </a:xfrm>
        </p:spPr>
        <p:txBody>
          <a:bodyPr/>
          <a:lstStyle>
            <a:lvl1pPr marL="0" indent="0" algn="ctr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3348775"/>
      </p:ext>
    </p:extLst>
  </p:cSld>
  <p:clrMapOvr>
    <a:masterClrMapping/>
  </p:clrMapOvr>
  <p:hf hdr="0"/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3795" y="609600"/>
            <a:ext cx="10353761" cy="1326321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913795" y="2088319"/>
            <a:ext cx="5106004" cy="3702881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73403" y="2088319"/>
            <a:ext cx="5094154" cy="3702881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11541071"/>
      </p:ext>
    </p:extLst>
  </p:cSld>
  <p:clrMapOvr>
    <a:masterClrMapping/>
  </p:clrMapOvr>
  <p:hf hdr="0"/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3795" y="609600"/>
            <a:ext cx="10353761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41804" y="2088320"/>
            <a:ext cx="4879199" cy="823912"/>
          </a:xfrm>
        </p:spPr>
        <p:txBody>
          <a:bodyPr anchor="b"/>
          <a:lstStyle>
            <a:lvl1pPr marL="0" indent="0">
              <a:lnSpc>
                <a:spcPct val="100000"/>
              </a:lnSpc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913795" y="2912232"/>
            <a:ext cx="5107208" cy="287896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402003" y="2088320"/>
            <a:ext cx="4865554" cy="823912"/>
          </a:xfrm>
        </p:spPr>
        <p:txBody>
          <a:bodyPr anchor="b"/>
          <a:lstStyle>
            <a:lvl1pPr marL="0" indent="0">
              <a:lnSpc>
                <a:spcPct val="100000"/>
              </a:lnSpc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172200" y="2912232"/>
            <a:ext cx="5095357" cy="287896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09166787"/>
      </p:ext>
    </p:extLst>
  </p:cSld>
  <p:clrMapOvr>
    <a:masterClrMapping/>
  </p:clrMapOvr>
  <p:hf hdr="0"/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36682531"/>
      </p:ext>
    </p:extLst>
  </p:cSld>
  <p:clrMapOvr>
    <a:masterClrMapping/>
  </p:clrMapOvr>
  <p:hf hdr="0"/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8A87A34-81AB-432B-8DAE-1953F412C126}" type="datetimeFigureOut">
              <a:rPr lang="en-US" smtClean="0"/>
              <a:t>7/5/20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D22F896-40B5-4ADD-8801-0D06FADFA095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12368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7228" y="609600"/>
            <a:ext cx="3932237" cy="2362200"/>
          </a:xfrm>
        </p:spPr>
        <p:txBody>
          <a:bodyPr anchor="b">
            <a:normAutofit/>
          </a:bodyPr>
          <a:lstStyle>
            <a:lvl1pPr>
              <a:defRPr sz="28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078064" y="609600"/>
            <a:ext cx="6189492" cy="5181600"/>
          </a:xfrm>
        </p:spPr>
        <p:txBody>
          <a:bodyPr anchor="ctr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7228" y="2971800"/>
            <a:ext cx="3932237" cy="2819399"/>
          </a:xfrm>
        </p:spPr>
        <p:txBody>
          <a:bodyPr/>
          <a:lstStyle>
            <a:lvl1pPr marL="0" indent="0" algn="ctr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6808913"/>
      </p:ext>
    </p:extLst>
  </p:cSld>
  <p:clrMapOvr>
    <a:masterClrMapping/>
  </p:clrMapOvr>
  <p:hf hdr="0"/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7227" y="609600"/>
            <a:ext cx="5929773" cy="2362200"/>
          </a:xfrm>
        </p:spPr>
        <p:txBody>
          <a:bodyPr anchor="b">
            <a:normAutofit/>
          </a:bodyPr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7424804" y="758881"/>
            <a:ext cx="3255356" cy="4883038"/>
          </a:xfrm>
          <a:noFill/>
          <a:ln w="1905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  <p:txBody>
          <a:bodyPr anchor="t"/>
          <a:lstStyle>
            <a:lvl1pPr marL="0" indent="0" algn="ctr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3794" y="2971800"/>
            <a:ext cx="5934950" cy="2819400"/>
          </a:xfrm>
        </p:spPr>
        <p:txBody>
          <a:bodyPr>
            <a:normAutofit/>
          </a:bodyPr>
          <a:lstStyle>
            <a:lvl1pPr marL="0" indent="0" algn="ctr">
              <a:buNone/>
              <a:defRPr sz="18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8784791"/>
      </p:ext>
    </p:extLst>
  </p:cSld>
  <p:clrMapOvr>
    <a:masterClrMapping/>
  </p:clrMapOvr>
  <p:hf hdr="0"/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Panoramic 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3806" y="4289372"/>
            <a:ext cx="10367564" cy="819355"/>
          </a:xfrm>
        </p:spPr>
        <p:txBody>
          <a:bodyPr anchor="b">
            <a:normAutofit/>
          </a:bodyPr>
          <a:lstStyle>
            <a:lvl1pPr>
              <a:defRPr sz="28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913806" y="621321"/>
            <a:ext cx="10367564" cy="3379735"/>
          </a:xfrm>
          <a:noFill/>
          <a:ln w="1905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  <p:txBody>
          <a:bodyPr anchor="t"/>
          <a:lstStyle>
            <a:lvl1pPr marL="0" indent="0" algn="ctr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3795" y="5108728"/>
            <a:ext cx="10365998" cy="682472"/>
          </a:xfrm>
        </p:spPr>
        <p:txBody>
          <a:bodyPr>
            <a:normAutofit/>
          </a:bodyPr>
          <a:lstStyle>
            <a:lvl1pPr marL="0" indent="0" algn="ctr">
              <a:buNone/>
              <a:defRPr sz="18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100887"/>
      </p:ext>
    </p:extLst>
  </p:cSld>
  <p:clrMapOvr>
    <a:masterClrMapping/>
  </p:clrMapOvr>
  <p:hf hdr="0"/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3795" y="609600"/>
            <a:ext cx="10353762" cy="3424859"/>
          </a:xfrm>
        </p:spPr>
        <p:txBody>
          <a:bodyPr anchor="ctr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3795" y="4204820"/>
            <a:ext cx="10353761" cy="1592186"/>
          </a:xfrm>
        </p:spPr>
        <p:txBody>
          <a:bodyPr anchor="ctr"/>
          <a:lstStyle>
            <a:lvl1pPr marL="0" indent="0" algn="ctr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61255322"/>
      </p:ext>
    </p:extLst>
  </p:cSld>
  <p:clrMapOvr>
    <a:masterClrMapping/>
  </p:clrMapOvr>
  <p:hf hdr="0"/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46212" y="609600"/>
            <a:ext cx="9302752" cy="2992904"/>
          </a:xfrm>
        </p:spPr>
        <p:txBody>
          <a:bodyPr anchor="ctr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2" name="Text Placeholder 3"/>
          <p:cNvSpPr>
            <a:spLocks noGrp="1"/>
          </p:cNvSpPr>
          <p:nvPr>
            <p:ph type="body" sz="half" idx="13"/>
          </p:nvPr>
        </p:nvSpPr>
        <p:spPr>
          <a:xfrm>
            <a:off x="1720644" y="3610032"/>
            <a:ext cx="8752299" cy="426812"/>
          </a:xfrm>
        </p:spPr>
        <p:txBody>
          <a:bodyPr anchor="t">
            <a:normAutofit/>
          </a:bodyPr>
          <a:lstStyle>
            <a:lvl1pPr marL="0" indent="0" algn="r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3794" y="4204821"/>
            <a:ext cx="10353762" cy="158638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TextBox 10"/>
          <p:cNvSpPr txBox="1"/>
          <p:nvPr/>
        </p:nvSpPr>
        <p:spPr>
          <a:xfrm>
            <a:off x="836612" y="735241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/>
            <a:r>
              <a:rPr lang="en-US" sz="8000" dirty="0">
                <a:solidFill>
                  <a:schemeClr val="tx1"/>
                </a:solidFill>
                <a:effectLst/>
              </a:rPr>
              <a:t>“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10657956" y="2972093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 algn="r"/>
            <a:r>
              <a:rPr lang="en-US" sz="8000" dirty="0">
                <a:solidFill>
                  <a:schemeClr val="tx1"/>
                </a:solidFill>
                <a:effectLst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1025474485"/>
      </p:ext>
    </p:extLst>
  </p:cSld>
  <p:clrMapOvr>
    <a:masterClrMapping/>
  </p:clrMapOvr>
  <p:hf hd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3806" y="2126942"/>
            <a:ext cx="10355327" cy="2511835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13794" y="4650556"/>
            <a:ext cx="10353763" cy="1140644"/>
          </a:xfrm>
        </p:spPr>
        <p:txBody>
          <a:bodyPr anchor="t"/>
          <a:lstStyle>
            <a:lvl1pPr marL="0" indent="0" algn="ctr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28908"/>
      </p:ext>
    </p:extLst>
  </p:cSld>
  <p:clrMapOvr>
    <a:masterClrMapping/>
  </p:clrMapOvr>
  <p:hf hdr="0"/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"/>
          <p:cNvSpPr>
            <a:spLocks noGrp="1"/>
          </p:cNvSpPr>
          <p:nvPr>
            <p:ph type="title"/>
          </p:nvPr>
        </p:nvSpPr>
        <p:spPr>
          <a:xfrm>
            <a:off x="913794" y="609600"/>
            <a:ext cx="10353762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7" name="Text Placeholder 2"/>
          <p:cNvSpPr>
            <a:spLocks noGrp="1"/>
          </p:cNvSpPr>
          <p:nvPr>
            <p:ph type="body" idx="1"/>
          </p:nvPr>
        </p:nvSpPr>
        <p:spPr>
          <a:xfrm>
            <a:off x="913794" y="2088319"/>
            <a:ext cx="3298956" cy="823305"/>
          </a:xfrm>
        </p:spPr>
        <p:txBody>
          <a:bodyPr anchor="b">
            <a:noAutofit/>
          </a:bodyPr>
          <a:lstStyle>
            <a:lvl1pPr marL="0" indent="0" algn="ctr">
              <a:lnSpc>
                <a:spcPct val="100000"/>
              </a:lnSpc>
              <a:buNone/>
              <a:defRPr sz="24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Text Placeholder 3"/>
          <p:cNvSpPr>
            <a:spLocks noGrp="1"/>
          </p:cNvSpPr>
          <p:nvPr>
            <p:ph type="body" sz="half" idx="15"/>
          </p:nvPr>
        </p:nvSpPr>
        <p:spPr>
          <a:xfrm>
            <a:off x="913794" y="2911624"/>
            <a:ext cx="3298956" cy="2879576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4444878" y="2088320"/>
            <a:ext cx="3298558" cy="823304"/>
          </a:xfrm>
        </p:spPr>
        <p:txBody>
          <a:bodyPr anchor="b">
            <a:noAutofit/>
          </a:bodyPr>
          <a:lstStyle>
            <a:lvl1pPr marL="0" indent="0" algn="ctr">
              <a:lnSpc>
                <a:spcPct val="100000"/>
              </a:lnSpc>
              <a:buNone/>
              <a:defRPr sz="24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Text Placeholder 3"/>
          <p:cNvSpPr>
            <a:spLocks noGrp="1"/>
          </p:cNvSpPr>
          <p:nvPr>
            <p:ph type="body" sz="half" idx="16"/>
          </p:nvPr>
        </p:nvSpPr>
        <p:spPr>
          <a:xfrm>
            <a:off x="4444878" y="2911624"/>
            <a:ext cx="3299821" cy="2879576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7973298" y="2088320"/>
            <a:ext cx="3291211" cy="823304"/>
          </a:xfrm>
        </p:spPr>
        <p:txBody>
          <a:bodyPr anchor="b">
            <a:noAutofit/>
          </a:bodyPr>
          <a:lstStyle>
            <a:lvl1pPr marL="0" indent="0" algn="ctr">
              <a:lnSpc>
                <a:spcPct val="100000"/>
              </a:lnSpc>
              <a:buNone/>
              <a:defRPr sz="24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3"/>
          <p:cNvSpPr>
            <a:spLocks noGrp="1"/>
          </p:cNvSpPr>
          <p:nvPr>
            <p:ph type="body" sz="half" idx="17"/>
          </p:nvPr>
        </p:nvSpPr>
        <p:spPr>
          <a:xfrm>
            <a:off x="7976346" y="2911624"/>
            <a:ext cx="3291211" cy="2879576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70240871"/>
      </p:ext>
    </p:extLst>
  </p:cSld>
  <p:clrMapOvr>
    <a:masterClrMapping/>
  </p:clrMapOvr>
  <p:hf hdr="0"/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Pictur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Title 1"/>
          <p:cNvSpPr>
            <a:spLocks noGrp="1"/>
          </p:cNvSpPr>
          <p:nvPr>
            <p:ph type="title"/>
          </p:nvPr>
        </p:nvSpPr>
        <p:spPr>
          <a:xfrm>
            <a:off x="913795" y="609600"/>
            <a:ext cx="10353762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>
          <a:xfrm>
            <a:off x="913795" y="4195899"/>
            <a:ext cx="3298955" cy="576262"/>
          </a:xfrm>
        </p:spPr>
        <p:txBody>
          <a:bodyPr anchor="b">
            <a:noAutofit/>
          </a:bodyPr>
          <a:lstStyle>
            <a:lvl1pPr marL="0" indent="0" algn="ctr">
              <a:lnSpc>
                <a:spcPct val="100000"/>
              </a:lnSpc>
              <a:buNone/>
              <a:defRPr sz="2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Picture Placeholder 2"/>
          <p:cNvSpPr>
            <a:spLocks noGrp="1" noChangeAspect="1"/>
          </p:cNvSpPr>
          <p:nvPr>
            <p:ph type="pic" idx="15"/>
          </p:nvPr>
        </p:nvSpPr>
        <p:spPr>
          <a:xfrm>
            <a:off x="1092020" y="2298987"/>
            <a:ext cx="2940050" cy="1524000"/>
          </a:xfrm>
          <a:prstGeom prst="roundRect">
            <a:avLst>
              <a:gd name="adj" fmla="val 0"/>
            </a:avLst>
          </a:prstGeom>
          <a:noFill/>
          <a:ln w="14605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half" idx="18"/>
          </p:nvPr>
        </p:nvSpPr>
        <p:spPr>
          <a:xfrm>
            <a:off x="913795" y="4772161"/>
            <a:ext cx="3298955" cy="1019038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4442701" y="4195899"/>
            <a:ext cx="3298983" cy="576262"/>
          </a:xfrm>
        </p:spPr>
        <p:txBody>
          <a:bodyPr anchor="b">
            <a:noAutofit/>
          </a:bodyPr>
          <a:lstStyle>
            <a:lvl1pPr marL="0" indent="0" algn="ctr">
              <a:lnSpc>
                <a:spcPct val="100000"/>
              </a:lnSpc>
              <a:buNone/>
              <a:defRPr sz="2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3" name="Picture Placeholder 2"/>
          <p:cNvSpPr>
            <a:spLocks noGrp="1" noChangeAspect="1"/>
          </p:cNvSpPr>
          <p:nvPr>
            <p:ph type="pic" idx="21"/>
          </p:nvPr>
        </p:nvSpPr>
        <p:spPr>
          <a:xfrm>
            <a:off x="4568996" y="2298987"/>
            <a:ext cx="2930525" cy="1524000"/>
          </a:xfrm>
          <a:prstGeom prst="roundRect">
            <a:avLst>
              <a:gd name="adj" fmla="val 0"/>
            </a:avLst>
          </a:prstGeom>
          <a:noFill/>
          <a:ln w="14605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half" idx="19"/>
          </p:nvPr>
        </p:nvSpPr>
        <p:spPr>
          <a:xfrm>
            <a:off x="4441348" y="4772160"/>
            <a:ext cx="3300336" cy="1019038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5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7973423" y="4195899"/>
            <a:ext cx="3289900" cy="576262"/>
          </a:xfrm>
        </p:spPr>
        <p:txBody>
          <a:bodyPr anchor="b">
            <a:noAutofit/>
          </a:bodyPr>
          <a:lstStyle>
            <a:lvl1pPr marL="0" indent="0" algn="ctr">
              <a:lnSpc>
                <a:spcPct val="100000"/>
              </a:lnSpc>
              <a:buNone/>
              <a:defRPr sz="2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6" name="Picture Placeholder 2"/>
          <p:cNvSpPr>
            <a:spLocks noGrp="1" noChangeAspect="1"/>
          </p:cNvSpPr>
          <p:nvPr>
            <p:ph type="pic" idx="22"/>
          </p:nvPr>
        </p:nvSpPr>
        <p:spPr>
          <a:xfrm>
            <a:off x="8152803" y="2298987"/>
            <a:ext cx="2932113" cy="1524000"/>
          </a:xfrm>
          <a:prstGeom prst="roundRect">
            <a:avLst>
              <a:gd name="adj" fmla="val 0"/>
            </a:avLst>
          </a:prstGeom>
          <a:noFill/>
          <a:ln w="14605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7" name="Text Placeholder 3"/>
          <p:cNvSpPr>
            <a:spLocks noGrp="1"/>
          </p:cNvSpPr>
          <p:nvPr>
            <p:ph type="body" sz="half" idx="20"/>
          </p:nvPr>
        </p:nvSpPr>
        <p:spPr>
          <a:xfrm>
            <a:off x="7973298" y="4772161"/>
            <a:ext cx="3294258" cy="1019037"/>
          </a:xfrm>
        </p:spPr>
        <p:txBody>
          <a:bodyPr anchor="t"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76875705"/>
      </p:ext>
    </p:extLst>
  </p:cSld>
  <p:clrMapOvr>
    <a:masterClrMapping/>
  </p:clrMapOvr>
  <p:hf hdr="0"/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54854875"/>
      </p:ext>
    </p:extLst>
  </p:cSld>
  <p:clrMapOvr>
    <a:masterClrMapping/>
  </p:clrMapOvr>
  <p:hf hdr="0"/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724900" y="609599"/>
            <a:ext cx="2542657" cy="5181601"/>
          </a:xfrm>
        </p:spPr>
        <p:txBody>
          <a:bodyPr vert="eaVert"/>
          <a:lstStyle>
            <a:lvl1pPr algn="l">
              <a:defRPr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913794" y="609599"/>
            <a:ext cx="7658705" cy="5181601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39945661"/>
      </p:ext>
    </p:extLst>
  </p:cSld>
  <p:clrMapOvr>
    <a:masterClrMapping/>
  </p:clrMapOvr>
  <p:hf hd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image" Target="../media/image2.svg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65.xml"/><Relationship Id="rId13" Type="http://schemas.openxmlformats.org/officeDocument/2006/relationships/slideLayout" Target="../slideLayouts/slideLayout70.xml"/><Relationship Id="rId18" Type="http://schemas.openxmlformats.org/officeDocument/2006/relationships/theme" Target="../theme/theme2.xml"/><Relationship Id="rId3" Type="http://schemas.openxmlformats.org/officeDocument/2006/relationships/slideLayout" Target="../slideLayouts/slideLayout60.xml"/><Relationship Id="rId7" Type="http://schemas.openxmlformats.org/officeDocument/2006/relationships/slideLayout" Target="../slideLayouts/slideLayout64.xml"/><Relationship Id="rId12" Type="http://schemas.openxmlformats.org/officeDocument/2006/relationships/slideLayout" Target="../slideLayouts/slideLayout69.xml"/><Relationship Id="rId17" Type="http://schemas.openxmlformats.org/officeDocument/2006/relationships/slideLayout" Target="../slideLayouts/slideLayout74.xml"/><Relationship Id="rId2" Type="http://schemas.openxmlformats.org/officeDocument/2006/relationships/slideLayout" Target="../slideLayouts/slideLayout59.xml"/><Relationship Id="rId16" Type="http://schemas.openxmlformats.org/officeDocument/2006/relationships/slideLayout" Target="../slideLayouts/slideLayout73.xml"/><Relationship Id="rId20" Type="http://schemas.openxmlformats.org/officeDocument/2006/relationships/image" Target="../media/image2.svg"/><Relationship Id="rId1" Type="http://schemas.openxmlformats.org/officeDocument/2006/relationships/slideLayout" Target="../slideLayouts/slideLayout58.xml"/><Relationship Id="rId6" Type="http://schemas.openxmlformats.org/officeDocument/2006/relationships/slideLayout" Target="../slideLayouts/slideLayout63.xml"/><Relationship Id="rId11" Type="http://schemas.openxmlformats.org/officeDocument/2006/relationships/slideLayout" Target="../slideLayouts/slideLayout68.xml"/><Relationship Id="rId5" Type="http://schemas.openxmlformats.org/officeDocument/2006/relationships/slideLayout" Target="../slideLayouts/slideLayout62.xml"/><Relationship Id="rId15" Type="http://schemas.openxmlformats.org/officeDocument/2006/relationships/slideLayout" Target="../slideLayouts/slideLayout72.xml"/><Relationship Id="rId10" Type="http://schemas.openxmlformats.org/officeDocument/2006/relationships/slideLayout" Target="../slideLayouts/slideLayout67.xml"/><Relationship Id="rId19" Type="http://schemas.openxmlformats.org/officeDocument/2006/relationships/image" Target="../media/image1.png"/><Relationship Id="rId4" Type="http://schemas.openxmlformats.org/officeDocument/2006/relationships/slideLayout" Target="../slideLayouts/slideLayout61.xml"/><Relationship Id="rId9" Type="http://schemas.openxmlformats.org/officeDocument/2006/relationships/slideLayout" Target="../slideLayouts/slideLayout66.xml"/><Relationship Id="rId14" Type="http://schemas.openxmlformats.org/officeDocument/2006/relationships/slideLayout" Target="../slideLayouts/slideLayout7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de-DE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331200" y="6548400"/>
            <a:ext cx="1296985" cy="1181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1630800" y="6548400"/>
            <a:ext cx="658375" cy="1188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59">
            <a:extLst>
              <a:ext uri="{96DAC541-7B7A-43D3-8B79-37D633B846F1}">
                <asvg:svgBlip xmlns:asvg="http://schemas.microsoft.com/office/drawing/2016/SVG/main" r:embed="rId60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652" r:id="rId8"/>
    <p:sldLayoutId id="2147483654" r:id="rId9"/>
    <p:sldLayoutId id="2147483698" r:id="rId10"/>
    <p:sldLayoutId id="2147483655" r:id="rId11"/>
    <p:sldLayoutId id="2147483705" r:id="rId12"/>
    <p:sldLayoutId id="2147483656" r:id="rId13"/>
    <p:sldLayoutId id="2147483706" r:id="rId14"/>
    <p:sldLayoutId id="2147483657" r:id="rId15"/>
    <p:sldLayoutId id="2147483707" r:id="rId16"/>
    <p:sldLayoutId id="2147483658" r:id="rId17"/>
    <p:sldLayoutId id="2147483708" r:id="rId18"/>
    <p:sldLayoutId id="2147483661" r:id="rId19"/>
    <p:sldLayoutId id="2147483662" r:id="rId20"/>
    <p:sldLayoutId id="2147483659" r:id="rId21"/>
    <p:sldLayoutId id="2147483660" r:id="rId22"/>
    <p:sldLayoutId id="2147483663" r:id="rId23"/>
    <p:sldLayoutId id="2147483664" r:id="rId24"/>
    <p:sldLayoutId id="2147483665" r:id="rId25"/>
    <p:sldLayoutId id="2147483666" r:id="rId26"/>
    <p:sldLayoutId id="2147483668" r:id="rId27"/>
    <p:sldLayoutId id="2147483670" r:id="rId28"/>
    <p:sldLayoutId id="2147483671" r:id="rId29"/>
    <p:sldLayoutId id="2147483669" r:id="rId30"/>
    <p:sldLayoutId id="2147483672" r:id="rId31"/>
    <p:sldLayoutId id="2147483673" r:id="rId32"/>
    <p:sldLayoutId id="2147483694" r:id="rId33"/>
    <p:sldLayoutId id="2147483674" r:id="rId34"/>
    <p:sldLayoutId id="2147483675" r:id="rId35"/>
    <p:sldLayoutId id="2147483676" r:id="rId36"/>
    <p:sldLayoutId id="2147483677" r:id="rId37"/>
    <p:sldLayoutId id="2147483678" r:id="rId38"/>
    <p:sldLayoutId id="2147483679" r:id="rId39"/>
    <p:sldLayoutId id="2147483680" r:id="rId40"/>
    <p:sldLayoutId id="2147483695" r:id="rId41"/>
    <p:sldLayoutId id="2147483682" r:id="rId42"/>
    <p:sldLayoutId id="2147483683" r:id="rId43"/>
    <p:sldLayoutId id="2147483684" r:id="rId44"/>
    <p:sldLayoutId id="2147483685" r:id="rId45"/>
    <p:sldLayoutId id="2147483686" r:id="rId46"/>
    <p:sldLayoutId id="2147483687" r:id="rId47"/>
    <p:sldLayoutId id="2147483667" r:id="rId48"/>
    <p:sldLayoutId id="2147483688" r:id="rId49"/>
    <p:sldLayoutId id="2147483689" r:id="rId50"/>
    <p:sldLayoutId id="2147483690" r:id="rId51"/>
    <p:sldLayoutId id="2147483691" r:id="rId52"/>
    <p:sldLayoutId id="2147483692" r:id="rId53"/>
    <p:sldLayoutId id="2147483699" r:id="rId54"/>
    <p:sldLayoutId id="2147483693" r:id="rId55"/>
    <p:sldLayoutId id="2147483709" r:id="rId56"/>
    <p:sldLayoutId id="2147483710" r:id="rId5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 xmlns:p15="http://schemas.microsoft.com/office/powerpoint/2012/main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913795" y="609600"/>
            <a:ext cx="10353761" cy="1326321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13795" y="2096064"/>
            <a:ext cx="10353762" cy="3695136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678736" y="5883275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0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2016A11-4950-4F3F-938B-45DEE5F72969}" type="datetime4">
              <a:rPr lang="en-US" smtClean="0"/>
              <a:pPr/>
              <a:t>July 5, 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913794" y="5883275"/>
            <a:ext cx="6672865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de-DE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514011" y="5883275"/>
            <a:ext cx="753545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0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EAA9C6-4901-6D98-B556-EF5AA29348B9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E611E3FB-5DB3-1B45-B017-D8B60F4263AD}"/>
              </a:ext>
            </a:extLst>
          </p:cNvPr>
          <p:cNvPicPr>
            <a:picLocks noChangeAspect="1"/>
          </p:cNvPicPr>
          <p:nvPr userDrawn="1"/>
        </p:nvPicPr>
        <p:blipFill>
          <a:blip r:embed="rId19">
            <a:extLs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9" name="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5B4EBDDB-8059-6750-1C37-9FCA197287A1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24098430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730" r:id="rId1"/>
    <p:sldLayoutId id="2147483731" r:id="rId2"/>
    <p:sldLayoutId id="2147483732" r:id="rId3"/>
    <p:sldLayoutId id="2147483733" r:id="rId4"/>
    <p:sldLayoutId id="2147483734" r:id="rId5"/>
    <p:sldLayoutId id="2147483735" r:id="rId6"/>
    <p:sldLayoutId id="2147483736" r:id="rId7"/>
    <p:sldLayoutId id="2147483737" r:id="rId8"/>
    <p:sldLayoutId id="2147483738" r:id="rId9"/>
    <p:sldLayoutId id="2147483739" r:id="rId10"/>
    <p:sldLayoutId id="2147483740" r:id="rId11"/>
    <p:sldLayoutId id="2147483741" r:id="rId12"/>
    <p:sldLayoutId id="2147483742" r:id="rId13"/>
    <p:sldLayoutId id="2147483743" r:id="rId14"/>
    <p:sldLayoutId id="2147483744" r:id="rId15"/>
    <p:sldLayoutId id="2147483745" r:id="rId16"/>
    <p:sldLayoutId id="2147483746" r:id="rId1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 xmlns:p15="http://schemas.microsoft.com/office/powerpoint/2012/main">
      <p:transition spd="med">
        <p:fade/>
      </p:transition>
    </mc:Fallback>
  </mc:AlternateContent>
  <p:hf hdr="0"/>
  <p:txStyles>
    <p:titleStyle>
      <a:lvl1pPr algn="ctr" defTabSz="914400" rtl="0" eaLnBrk="1" latinLnBrk="0" hangingPunct="1">
        <a:lnSpc>
          <a:spcPct val="90000"/>
        </a:lnSpc>
        <a:spcBef>
          <a:spcPct val="0"/>
        </a:spcBef>
        <a:buNone/>
        <a:defRPr sz="3400" b="1" i="0" kern="1200" cap="all">
          <a:solidFill>
            <a:schemeClr val="tx1"/>
          </a:solidFill>
          <a:effectLst>
            <a:outerShdw blurRad="50800" dist="63500" dir="2700000" algn="tl" rotWithShape="0">
              <a:srgbClr val="000000">
                <a:alpha val="48000"/>
              </a:srgbClr>
            </a:outerShdw>
          </a:effectLst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120000"/>
        </a:lnSpc>
        <a:spcBef>
          <a:spcPts val="1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effectLst>
            <a:outerShdw blurRad="50800" dist="38100" dir="2700000" algn="tl" rotWithShape="0">
              <a:srgbClr val="000000">
                <a:alpha val="48000"/>
              </a:srgbClr>
            </a:outerShdw>
          </a:effectLst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12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effectLst>
            <a:outerShdw blurRad="50800" dist="38100" dir="2700000" algn="tl" rotWithShape="0">
              <a:srgbClr val="000000">
                <a:alpha val="48000"/>
              </a:srgbClr>
            </a:outerShdw>
          </a:effectLst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120000"/>
        </a:lnSpc>
        <a:spcBef>
          <a:spcPts val="5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effectLst>
            <a:outerShdw blurRad="50800" dist="38100" dir="2700000" algn="tl" rotWithShape="0">
              <a:srgbClr val="000000">
                <a:alpha val="48000"/>
              </a:srgbClr>
            </a:outerShdw>
          </a:effectLst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120000"/>
        </a:lnSpc>
        <a:spcBef>
          <a:spcPts val="5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effectLst>
            <a:outerShdw blurRad="50800" dist="38100" dir="2700000" algn="tl" rotWithShape="0">
              <a:srgbClr val="000000">
                <a:alpha val="48000"/>
              </a:srgbClr>
            </a:outerShdw>
          </a:effectLst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120000"/>
        </a:lnSpc>
        <a:spcBef>
          <a:spcPts val="50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effectLst>
            <a:outerShdw blurRad="50800" dist="38100" dir="2700000" algn="tl" rotWithShape="0">
              <a:srgbClr val="000000">
                <a:alpha val="48000"/>
              </a:srgbClr>
            </a:outerShdw>
          </a:effectLst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120000"/>
        </a:lnSpc>
        <a:spcBef>
          <a:spcPts val="50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effectLst>
            <a:outerShdw blurRad="50800" dist="38100" dir="2700000" algn="tl" rotWithShape="0">
              <a:srgbClr val="000000">
                <a:alpha val="48000"/>
              </a:srgbClr>
            </a:outerShdw>
          </a:effectLst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120000"/>
        </a:lnSpc>
        <a:spcBef>
          <a:spcPts val="50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effectLst>
            <a:outerShdw blurRad="50800" dist="38100" dir="2700000" algn="tl" rotWithShape="0">
              <a:srgbClr val="000000">
                <a:alpha val="48000"/>
              </a:srgbClr>
            </a:outerShdw>
          </a:effectLst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120000"/>
        </a:lnSpc>
        <a:spcBef>
          <a:spcPts val="50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effectLst>
            <a:outerShdw blurRad="50800" dist="38100" dir="2700000" algn="tl" rotWithShape="0">
              <a:srgbClr val="000000">
                <a:alpha val="48000"/>
              </a:srgbClr>
            </a:outerShdw>
          </a:effectLst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120000"/>
        </a:lnSpc>
        <a:spcBef>
          <a:spcPts val="50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effectLst>
            <a:outerShdw blurRad="50800" dist="38100" dir="2700000" algn="tl" rotWithShape="0">
              <a:srgbClr val="000000">
                <a:alpha val="48000"/>
              </a:srgbClr>
            </a:outerShdw>
          </a:effectLst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6" pos="825" userDrawn="1">
          <p15:clr>
            <a:srgbClr val="F26B43"/>
          </p15:clr>
        </p15:guide>
        <p15:guide id="7" pos="1307" userDrawn="1">
          <p15:clr>
            <a:srgbClr val="F26B43"/>
          </p15:clr>
        </p15:guide>
        <p15:guide id="8" pos="1442" userDrawn="1">
          <p15:clr>
            <a:srgbClr val="F26B43"/>
          </p15:clr>
        </p15:guide>
        <p15:guide id="9" pos="1923" userDrawn="1">
          <p15:clr>
            <a:srgbClr val="F26B43"/>
          </p15:clr>
        </p15:guide>
        <p15:guide id="10" pos="2058" userDrawn="1">
          <p15:clr>
            <a:srgbClr val="F26B43"/>
          </p15:clr>
        </p15:guide>
        <p15:guide id="11" pos="2540" userDrawn="1">
          <p15:clr>
            <a:srgbClr val="F26B43"/>
          </p15:clr>
        </p15:guide>
        <p15:guide id="12" pos="2675" userDrawn="1">
          <p15:clr>
            <a:srgbClr val="F26B43"/>
          </p15:clr>
        </p15:guide>
        <p15:guide id="13" pos="3156" userDrawn="1">
          <p15:clr>
            <a:srgbClr val="F26B43"/>
          </p15:clr>
        </p15:guide>
        <p15:guide id="14" pos="3293" userDrawn="1">
          <p15:clr>
            <a:srgbClr val="F26B43"/>
          </p15:clr>
        </p15:guide>
        <p15:guide id="15" pos="3773" userDrawn="1">
          <p15:clr>
            <a:srgbClr val="F26B43"/>
          </p15:clr>
        </p15:guide>
        <p15:guide id="16" pos="3909" userDrawn="1">
          <p15:clr>
            <a:srgbClr val="F26B43"/>
          </p15:clr>
        </p15:guide>
        <p15:guide id="17" pos="4389" userDrawn="1">
          <p15:clr>
            <a:srgbClr val="F26B43"/>
          </p15:clr>
        </p15:guide>
        <p15:guide id="18" pos="4526" userDrawn="1">
          <p15:clr>
            <a:srgbClr val="F26B43"/>
          </p15:clr>
        </p15:guide>
        <p15:guide id="19" pos="5006" userDrawn="1">
          <p15:clr>
            <a:srgbClr val="F26B43"/>
          </p15:clr>
        </p15:guide>
        <p15:guide id="20" pos="5142" userDrawn="1">
          <p15:clr>
            <a:srgbClr val="F26B43"/>
          </p15:clr>
        </p15:guide>
        <p15:guide id="21" pos="5622" userDrawn="1">
          <p15:clr>
            <a:srgbClr val="F26B43"/>
          </p15:clr>
        </p15:guide>
        <p15:guide id="22" pos="5759" userDrawn="1">
          <p15:clr>
            <a:srgbClr val="F26B43"/>
          </p15:clr>
        </p15:guide>
        <p15:guide id="23" pos="6239" userDrawn="1">
          <p15:clr>
            <a:srgbClr val="F26B43"/>
          </p15:clr>
        </p15:guide>
        <p15:guide id="24" pos="6375" userDrawn="1">
          <p15:clr>
            <a:srgbClr val="F26B43"/>
          </p15:clr>
        </p15:guide>
        <p15:guide id="25" pos="6857" userDrawn="1">
          <p15:clr>
            <a:srgbClr val="F26B43"/>
          </p15:clr>
        </p15:guide>
        <p15:guide id="26" pos="6992" userDrawn="1">
          <p15:clr>
            <a:srgbClr val="F26B43"/>
          </p15:clr>
        </p15:guide>
        <p15:guide id="27" orient="horz" pos="3473" userDrawn="1">
          <p15:clr>
            <a:srgbClr val="5ACBF0"/>
          </p15:clr>
        </p15:guide>
        <p15:guide id="28" orient="horz" pos="2411" userDrawn="1">
          <p15:clr>
            <a:srgbClr val="5ACBF0"/>
          </p15:clr>
        </p15:guide>
        <p15:guide id="29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4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8.xml"/><Relationship Id="rId2" Type="http://schemas.openxmlformats.org/officeDocument/2006/relationships/diagramData" Target="../diagrams/data8.xml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8.xml"/><Relationship Id="rId5" Type="http://schemas.openxmlformats.org/officeDocument/2006/relationships/diagramColors" Target="../diagrams/colors8.xml"/><Relationship Id="rId4" Type="http://schemas.openxmlformats.org/officeDocument/2006/relationships/diagramQuickStyle" Target="../diagrams/quickStyle8.xml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53.png"/><Relationship Id="rId3" Type="http://schemas.openxmlformats.org/officeDocument/2006/relationships/diagramLayout" Target="../diagrams/layout9.xml"/><Relationship Id="rId7" Type="http://schemas.openxmlformats.org/officeDocument/2006/relationships/image" Target="../media/image52.png"/><Relationship Id="rId2" Type="http://schemas.openxmlformats.org/officeDocument/2006/relationships/diagramData" Target="../diagrams/data9.xml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9.xml"/><Relationship Id="rId5" Type="http://schemas.openxmlformats.org/officeDocument/2006/relationships/diagramColors" Target="../diagrams/colors9.xml"/><Relationship Id="rId4" Type="http://schemas.openxmlformats.org/officeDocument/2006/relationships/diagramQuickStyle" Target="../diagrams/quickStyle9.xml"/><Relationship Id="rId9" Type="http://schemas.openxmlformats.org/officeDocument/2006/relationships/image" Target="../media/image26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0.xml"/><Relationship Id="rId2" Type="http://schemas.openxmlformats.org/officeDocument/2006/relationships/diagramData" Target="../diagrams/data10.xml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10.xml"/><Relationship Id="rId5" Type="http://schemas.openxmlformats.org/officeDocument/2006/relationships/diagramColors" Target="../diagrams/colors10.xml"/><Relationship Id="rId4" Type="http://schemas.openxmlformats.org/officeDocument/2006/relationships/diagramQuickStyle" Target="../diagrams/quickStyle10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70.png"/><Relationship Id="rId3" Type="http://schemas.openxmlformats.org/officeDocument/2006/relationships/diagramLayout" Target="../diagrams/layout11.xml"/><Relationship Id="rId7" Type="http://schemas.openxmlformats.org/officeDocument/2006/relationships/image" Target="../media/image27.png"/><Relationship Id="rId12" Type="http://schemas.openxmlformats.org/officeDocument/2006/relationships/image" Target="../media/image31.png"/><Relationship Id="rId2" Type="http://schemas.openxmlformats.org/officeDocument/2006/relationships/diagramData" Target="../diagrams/data11.xml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11.xml"/><Relationship Id="rId11" Type="http://schemas.openxmlformats.org/officeDocument/2006/relationships/image" Target="../media/image30.png"/><Relationship Id="rId5" Type="http://schemas.openxmlformats.org/officeDocument/2006/relationships/diagramColors" Target="../diagrams/colors11.xml"/><Relationship Id="rId10" Type="http://schemas.openxmlformats.org/officeDocument/2006/relationships/image" Target="../media/image29.png"/><Relationship Id="rId4" Type="http://schemas.openxmlformats.org/officeDocument/2006/relationships/diagramQuickStyle" Target="../diagrams/quickStyle11.xml"/><Relationship Id="rId9" Type="http://schemas.openxmlformats.org/officeDocument/2006/relationships/image" Target="../media/image28.png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13" Type="http://schemas.openxmlformats.org/officeDocument/2006/relationships/image" Target="../media/image37.png"/><Relationship Id="rId18" Type="http://schemas.openxmlformats.org/officeDocument/2006/relationships/image" Target="../media/image42.png"/><Relationship Id="rId3" Type="http://schemas.openxmlformats.org/officeDocument/2006/relationships/diagramLayout" Target="../diagrams/layout12.xml"/><Relationship Id="rId21" Type="http://schemas.openxmlformats.org/officeDocument/2006/relationships/image" Target="../media/image45.png"/><Relationship Id="rId7" Type="http://schemas.openxmlformats.org/officeDocument/2006/relationships/image" Target="../media/image32.png"/><Relationship Id="rId12" Type="http://schemas.openxmlformats.org/officeDocument/2006/relationships/image" Target="../media/image36.png"/><Relationship Id="rId17" Type="http://schemas.openxmlformats.org/officeDocument/2006/relationships/image" Target="../media/image41.png"/><Relationship Id="rId2" Type="http://schemas.openxmlformats.org/officeDocument/2006/relationships/diagramData" Target="../diagrams/data12.xml"/><Relationship Id="rId16" Type="http://schemas.openxmlformats.org/officeDocument/2006/relationships/image" Target="../media/image40.png"/><Relationship Id="rId20" Type="http://schemas.openxmlformats.org/officeDocument/2006/relationships/image" Target="../media/image44.png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12.xml"/><Relationship Id="rId11" Type="http://schemas.openxmlformats.org/officeDocument/2006/relationships/image" Target="../media/image35.png"/><Relationship Id="rId5" Type="http://schemas.openxmlformats.org/officeDocument/2006/relationships/diagramColors" Target="../diagrams/colors12.xml"/><Relationship Id="rId15" Type="http://schemas.openxmlformats.org/officeDocument/2006/relationships/image" Target="../media/image39.png"/><Relationship Id="rId23" Type="http://schemas.openxmlformats.org/officeDocument/2006/relationships/image" Target="../media/image47.png"/><Relationship Id="rId10" Type="http://schemas.openxmlformats.org/officeDocument/2006/relationships/image" Target="../media/image27.png"/><Relationship Id="rId19" Type="http://schemas.openxmlformats.org/officeDocument/2006/relationships/image" Target="../media/image43.png"/><Relationship Id="rId4" Type="http://schemas.openxmlformats.org/officeDocument/2006/relationships/diagramQuickStyle" Target="../diagrams/quickStyle12.xml"/><Relationship Id="rId9" Type="http://schemas.openxmlformats.org/officeDocument/2006/relationships/image" Target="../media/image34.png"/><Relationship Id="rId14" Type="http://schemas.openxmlformats.org/officeDocument/2006/relationships/image" Target="../media/image38.png"/><Relationship Id="rId22" Type="http://schemas.openxmlformats.org/officeDocument/2006/relationships/image" Target="../media/image46.png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48.png"/><Relationship Id="rId3" Type="http://schemas.openxmlformats.org/officeDocument/2006/relationships/diagramLayout" Target="../diagrams/layout13.xml"/><Relationship Id="rId7" Type="http://schemas.openxmlformats.org/officeDocument/2006/relationships/image" Target="../media/image45.png"/><Relationship Id="rId2" Type="http://schemas.openxmlformats.org/officeDocument/2006/relationships/diagramData" Target="../diagrams/data13.xml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13.xml"/><Relationship Id="rId11" Type="http://schemas.openxmlformats.org/officeDocument/2006/relationships/image" Target="../media/image51.png"/><Relationship Id="rId5" Type="http://schemas.openxmlformats.org/officeDocument/2006/relationships/diagramColors" Target="../diagrams/colors13.xml"/><Relationship Id="rId10" Type="http://schemas.openxmlformats.org/officeDocument/2006/relationships/image" Target="../media/image50.png"/><Relationship Id="rId4" Type="http://schemas.openxmlformats.org/officeDocument/2006/relationships/diagramQuickStyle" Target="../diagrams/quickStyle13.xml"/><Relationship Id="rId9" Type="http://schemas.openxmlformats.org/officeDocument/2006/relationships/image" Target="../media/image49.png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60.png"/><Relationship Id="rId3" Type="http://schemas.openxmlformats.org/officeDocument/2006/relationships/image" Target="../media/image55.png"/><Relationship Id="rId7" Type="http://schemas.openxmlformats.org/officeDocument/2006/relationships/image" Target="../media/image59.png"/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54.xml"/><Relationship Id="rId6" Type="http://schemas.openxmlformats.org/officeDocument/2006/relationships/image" Target="../media/image58.png"/><Relationship Id="rId5" Type="http://schemas.openxmlformats.org/officeDocument/2006/relationships/image" Target="../media/image57.png"/><Relationship Id="rId10" Type="http://schemas.openxmlformats.org/officeDocument/2006/relationships/image" Target="../media/image62.png"/><Relationship Id="rId4" Type="http://schemas.openxmlformats.org/officeDocument/2006/relationships/image" Target="../media/image56.png"/><Relationship Id="rId9" Type="http://schemas.openxmlformats.org/officeDocument/2006/relationships/image" Target="../media/image61.png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69.png"/><Relationship Id="rId3" Type="http://schemas.openxmlformats.org/officeDocument/2006/relationships/image" Target="../media/image64.png"/><Relationship Id="rId7" Type="http://schemas.openxmlformats.org/officeDocument/2006/relationships/image" Target="../media/image68.png"/><Relationship Id="rId2" Type="http://schemas.openxmlformats.org/officeDocument/2006/relationships/image" Target="../media/image63.png"/><Relationship Id="rId1" Type="http://schemas.openxmlformats.org/officeDocument/2006/relationships/slideLayout" Target="../slideLayouts/slideLayout54.xml"/><Relationship Id="rId6" Type="http://schemas.openxmlformats.org/officeDocument/2006/relationships/image" Target="../media/image67.png"/><Relationship Id="rId5" Type="http://schemas.openxmlformats.org/officeDocument/2006/relationships/image" Target="../media/image66.png"/><Relationship Id="rId4" Type="http://schemas.openxmlformats.org/officeDocument/2006/relationships/image" Target="../media/image65.png"/><Relationship Id="rId9" Type="http://schemas.openxmlformats.org/officeDocument/2006/relationships/image" Target="../media/image70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2.png"/><Relationship Id="rId2" Type="http://schemas.openxmlformats.org/officeDocument/2006/relationships/image" Target="../media/image71.png"/><Relationship Id="rId1" Type="http://schemas.openxmlformats.org/officeDocument/2006/relationships/slideLayout" Target="../slideLayouts/slideLayout54.xml"/><Relationship Id="rId6" Type="http://schemas.openxmlformats.org/officeDocument/2006/relationships/image" Target="../media/image75.png"/><Relationship Id="rId5" Type="http://schemas.openxmlformats.org/officeDocument/2006/relationships/image" Target="../media/image74.png"/><Relationship Id="rId4" Type="http://schemas.openxmlformats.org/officeDocument/2006/relationships/image" Target="../media/image73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7.png"/><Relationship Id="rId2" Type="http://schemas.openxmlformats.org/officeDocument/2006/relationships/image" Target="../media/image76.png"/><Relationship Id="rId1" Type="http://schemas.openxmlformats.org/officeDocument/2006/relationships/slideLayout" Target="../slideLayouts/slideLayout54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4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4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9.png"/><Relationship Id="rId7" Type="http://schemas.openxmlformats.org/officeDocument/2006/relationships/image" Target="../media/image83.png"/><Relationship Id="rId2" Type="http://schemas.openxmlformats.org/officeDocument/2006/relationships/image" Target="../media/image78.png"/><Relationship Id="rId1" Type="http://schemas.openxmlformats.org/officeDocument/2006/relationships/slideLayout" Target="../slideLayouts/slideLayout54.xml"/><Relationship Id="rId6" Type="http://schemas.openxmlformats.org/officeDocument/2006/relationships/image" Target="../media/image82.png"/><Relationship Id="rId5" Type="http://schemas.openxmlformats.org/officeDocument/2006/relationships/image" Target="../media/image81.png"/><Relationship Id="rId4" Type="http://schemas.openxmlformats.org/officeDocument/2006/relationships/image" Target="../media/image80.png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4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4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4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4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4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4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7" Type="http://schemas.openxmlformats.org/officeDocument/2006/relationships/chart" Target="../charts/chart1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diagramData" Target="../diagrams/data4.xml"/><Relationship Id="rId7" Type="http://schemas.microsoft.com/office/2007/relationships/diagramDrawing" Target="../diagrams/drawing4.xml"/><Relationship Id="rId12" Type="http://schemas.openxmlformats.org/officeDocument/2006/relationships/image" Target="../media/image25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54.xml"/><Relationship Id="rId6" Type="http://schemas.openxmlformats.org/officeDocument/2006/relationships/diagramColors" Target="../diagrams/colors4.xml"/><Relationship Id="rId11" Type="http://schemas.openxmlformats.org/officeDocument/2006/relationships/image" Target="../media/image24.png"/><Relationship Id="rId5" Type="http://schemas.openxmlformats.org/officeDocument/2006/relationships/diagramQuickStyle" Target="../diagrams/quickStyle4.xml"/><Relationship Id="rId10" Type="http://schemas.openxmlformats.org/officeDocument/2006/relationships/image" Target="../media/image23.png"/><Relationship Id="rId4" Type="http://schemas.openxmlformats.org/officeDocument/2006/relationships/diagramLayout" Target="../diagrams/layout4.xml"/><Relationship Id="rId9" Type="http://schemas.openxmlformats.org/officeDocument/2006/relationships/image" Target="../media/image22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diagramLayout" Target="../diagrams/layout5.xml"/><Relationship Id="rId7" Type="http://schemas.openxmlformats.org/officeDocument/2006/relationships/image" Target="../media/image22.png"/><Relationship Id="rId2" Type="http://schemas.openxmlformats.org/officeDocument/2006/relationships/diagramData" Target="../diagrams/data5.xml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5.xml"/><Relationship Id="rId5" Type="http://schemas.openxmlformats.org/officeDocument/2006/relationships/diagramColors" Target="../diagrams/colors5.xml"/><Relationship Id="rId4" Type="http://schemas.openxmlformats.org/officeDocument/2006/relationships/diagramQuickStyle" Target="../diagrams/quickStyle5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diagramLayout" Target="../diagrams/layout6.xml"/><Relationship Id="rId7" Type="http://schemas.openxmlformats.org/officeDocument/2006/relationships/image" Target="../media/image22.png"/><Relationship Id="rId2" Type="http://schemas.openxmlformats.org/officeDocument/2006/relationships/diagramData" Target="../diagrams/data6.xml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6.xml"/><Relationship Id="rId5" Type="http://schemas.openxmlformats.org/officeDocument/2006/relationships/diagramColors" Target="../diagrams/colors6.xml"/><Relationship Id="rId4" Type="http://schemas.openxmlformats.org/officeDocument/2006/relationships/diagramQuickStyle" Target="../diagrams/quickStyle6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7.xml"/><Relationship Id="rId2" Type="http://schemas.openxmlformats.org/officeDocument/2006/relationships/diagramData" Target="../diagrams/data7.xml"/><Relationship Id="rId1" Type="http://schemas.openxmlformats.org/officeDocument/2006/relationships/slideLayout" Target="../slideLayouts/slideLayout54.xml"/><Relationship Id="rId6" Type="http://schemas.microsoft.com/office/2007/relationships/diagramDrawing" Target="../diagrams/drawing7.xml"/><Relationship Id="rId5" Type="http://schemas.openxmlformats.org/officeDocument/2006/relationships/diagramColors" Target="../diagrams/colors7.xml"/><Relationship Id="rId4" Type="http://schemas.openxmlformats.org/officeDocument/2006/relationships/diagramQuickStyle" Target="../diagrams/quickStyle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0267B48-25A6-A07F-1069-033642BAF15D}"/>
              </a:ext>
            </a:extLst>
          </p:cNvPr>
          <p:cNvSpPr txBox="1"/>
          <p:nvPr/>
        </p:nvSpPr>
        <p:spPr>
          <a:xfrm>
            <a:off x="1260231" y="1972908"/>
            <a:ext cx="9311053" cy="156966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4800" dirty="0">
                <a:solidFill>
                  <a:srgbClr val="FFFF0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Introduction to </a:t>
            </a:r>
          </a:p>
          <a:p>
            <a:r>
              <a:rPr lang="en-US" sz="4800" dirty="0">
                <a:solidFill>
                  <a:srgbClr val="FFFF0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Data Science and Machine Learning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0A9AE0D-060A-0561-9169-F61E433FA389}"/>
              </a:ext>
            </a:extLst>
          </p:cNvPr>
          <p:cNvSpPr txBox="1"/>
          <p:nvPr/>
        </p:nvSpPr>
        <p:spPr>
          <a:xfrm>
            <a:off x="1260231" y="3880282"/>
            <a:ext cx="4835769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2800" dirty="0"/>
              <a:t>Bhanu Chander V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659890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A51752B5-B662-4EBC-A24B-A1600EC116A4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187BEB43-C215-E966-CCEB-F3FDC2F80C2A}"/>
              </a:ext>
            </a:extLst>
          </p:cNvPr>
          <p:cNvGraphicFramePr/>
          <p:nvPr/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00B53052-B705-23D1-55AC-18B0D285B20E}"/>
              </a:ext>
            </a:extLst>
          </p:cNvPr>
          <p:cNvSpPr txBox="1"/>
          <p:nvPr/>
        </p:nvSpPr>
        <p:spPr bwMode="gray">
          <a:xfrm>
            <a:off x="432795" y="1084164"/>
            <a:ext cx="3887233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chemeClr val="bg2"/>
                </a:solidFill>
                <a:latin typeface="Bahnschrift SemiCondensed" panose="020B0502040204020203" pitchFamily="34" charset="0"/>
              </a:rPr>
              <a:t>Machine Learning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A1675EF-8427-D1EC-352E-1C04F44D9FA0}"/>
              </a:ext>
            </a:extLst>
          </p:cNvPr>
          <p:cNvSpPr txBox="1"/>
          <p:nvPr/>
        </p:nvSpPr>
        <p:spPr bwMode="gray">
          <a:xfrm>
            <a:off x="457932" y="2197235"/>
            <a:ext cx="3143952" cy="6290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Supervised Learning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3DD631E-FF87-CF84-4863-561057D0580E}"/>
              </a:ext>
            </a:extLst>
          </p:cNvPr>
          <p:cNvSpPr txBox="1"/>
          <p:nvPr/>
        </p:nvSpPr>
        <p:spPr bwMode="gray">
          <a:xfrm>
            <a:off x="584201" y="228966"/>
            <a:ext cx="5152570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Step 3 </a:t>
            </a:r>
            <a:r>
              <a:rPr lang="en-US" sz="30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: </a:t>
            </a:r>
            <a:r>
              <a:rPr lang="en-US" sz="3000" b="1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Analyze Data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39FC2730-2E69-711A-C432-A1BA9D37C5D0}"/>
              </a:ext>
            </a:extLst>
          </p:cNvPr>
          <p:cNvSpPr txBox="1"/>
          <p:nvPr/>
        </p:nvSpPr>
        <p:spPr bwMode="gray">
          <a:xfrm>
            <a:off x="184025" y="4918889"/>
            <a:ext cx="3190547" cy="6290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Un-Supervised Learning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DC7B4454-80EA-CFA7-F7E6-659ED789E999}"/>
              </a:ext>
            </a:extLst>
          </p:cNvPr>
          <p:cNvSpPr txBox="1"/>
          <p:nvPr/>
        </p:nvSpPr>
        <p:spPr bwMode="gray">
          <a:xfrm>
            <a:off x="5612322" y="1450002"/>
            <a:ext cx="2764972" cy="743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</a:pPr>
            <a:r>
              <a:rPr lang="en-US" sz="2200" dirty="0">
                <a:latin typeface="Bahnschrift SemiCondensed" panose="020B0502040204020203" pitchFamily="34" charset="0"/>
              </a:rPr>
              <a:t>Linear, Polynomial Regression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F24CE05-B7D0-B01C-4EA3-65D1638CC6DC}"/>
              </a:ext>
            </a:extLst>
          </p:cNvPr>
          <p:cNvSpPr txBox="1"/>
          <p:nvPr/>
        </p:nvSpPr>
        <p:spPr bwMode="gray">
          <a:xfrm>
            <a:off x="5571182" y="2664070"/>
            <a:ext cx="2501673" cy="79528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</a:pPr>
            <a:r>
              <a:rPr lang="en-US" sz="2200" dirty="0">
                <a:latin typeface="Bahnschrift SemiCondensed" panose="020B0502040204020203" pitchFamily="34" charset="0"/>
              </a:rPr>
              <a:t>Logistic Regression,</a:t>
            </a:r>
          </a:p>
          <a:p>
            <a:pPr algn="l">
              <a:lnSpc>
                <a:spcPts val="2600"/>
              </a:lnSpc>
            </a:pPr>
            <a:r>
              <a:rPr lang="en-US" sz="2200" dirty="0">
                <a:latin typeface="Bahnschrift SemiCondensed" panose="020B0502040204020203" pitchFamily="34" charset="0"/>
              </a:rPr>
              <a:t>Naïve Bayes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E9A7B550-1D12-A808-20A6-A15EE2A94555}"/>
              </a:ext>
            </a:extLst>
          </p:cNvPr>
          <p:cNvSpPr txBox="1"/>
          <p:nvPr/>
        </p:nvSpPr>
        <p:spPr bwMode="gray">
          <a:xfrm>
            <a:off x="8129323" y="1529214"/>
            <a:ext cx="3887233" cy="234840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342900" indent="-342900" algn="l">
              <a:lnSpc>
                <a:spcPts val="2600"/>
              </a:lnSpc>
              <a:buFont typeface="Arial" panose="020B0604020202020204" pitchFamily="34" charset="0"/>
              <a:buChar char="•"/>
            </a:pPr>
            <a:r>
              <a:rPr lang="en-US" sz="2200" dirty="0">
                <a:latin typeface="Bahnschrift SemiCondensed" panose="020B0502040204020203" pitchFamily="34" charset="0"/>
              </a:rPr>
              <a:t>Neural Networks (ANN, CNN, Deep Learning)</a:t>
            </a:r>
          </a:p>
          <a:p>
            <a:pPr marL="342900" indent="-342900" algn="l">
              <a:lnSpc>
                <a:spcPts val="2600"/>
              </a:lnSpc>
              <a:buFont typeface="Arial" panose="020B0604020202020204" pitchFamily="34" charset="0"/>
              <a:buChar char="•"/>
            </a:pPr>
            <a:r>
              <a:rPr lang="en-US" sz="2200" dirty="0">
                <a:latin typeface="Bahnschrift SemiCondensed" panose="020B0502040204020203" pitchFamily="34" charset="0"/>
              </a:rPr>
              <a:t>KNN – K Nearest </a:t>
            </a:r>
            <a:r>
              <a:rPr lang="en-US" sz="2200" dirty="0" err="1">
                <a:latin typeface="Bahnschrift SemiCondensed" panose="020B0502040204020203" pitchFamily="34" charset="0"/>
              </a:rPr>
              <a:t>Neighbours</a:t>
            </a:r>
            <a:endParaRPr lang="en-US" sz="2200" dirty="0">
              <a:latin typeface="Bahnschrift SemiCondensed" panose="020B0502040204020203" pitchFamily="34" charset="0"/>
            </a:endParaRPr>
          </a:p>
          <a:p>
            <a:pPr marL="342900" indent="-342900" algn="l">
              <a:lnSpc>
                <a:spcPts val="2600"/>
              </a:lnSpc>
              <a:buFont typeface="Arial" panose="020B0604020202020204" pitchFamily="34" charset="0"/>
              <a:buChar char="•"/>
            </a:pPr>
            <a:r>
              <a:rPr lang="en-US" sz="2200" dirty="0">
                <a:latin typeface="Bahnschrift SemiCondensed" panose="020B0502040204020203" pitchFamily="34" charset="0"/>
              </a:rPr>
              <a:t>Forest based - Decision Trees, Random Forest, </a:t>
            </a:r>
            <a:r>
              <a:rPr lang="en-US" sz="2200" dirty="0" err="1">
                <a:latin typeface="Bahnschrift SemiCondensed" panose="020B0502040204020203" pitchFamily="34" charset="0"/>
              </a:rPr>
              <a:t>XGBoost</a:t>
            </a:r>
            <a:r>
              <a:rPr lang="en-US" sz="2200" dirty="0">
                <a:latin typeface="Bahnschrift SemiCondensed" panose="020B0502040204020203" pitchFamily="34" charset="0"/>
              </a:rPr>
              <a:t> etc.</a:t>
            </a:r>
          </a:p>
          <a:p>
            <a:pPr marL="342900" indent="-342900" algn="l">
              <a:lnSpc>
                <a:spcPts val="2600"/>
              </a:lnSpc>
              <a:buFont typeface="Arial" panose="020B0604020202020204" pitchFamily="34" charset="0"/>
              <a:buChar char="•"/>
            </a:pPr>
            <a:r>
              <a:rPr lang="en-US" sz="2200" dirty="0">
                <a:latin typeface="Bahnschrift SemiCondensed" panose="020B0502040204020203" pitchFamily="34" charset="0"/>
              </a:rPr>
              <a:t>Support Vector Machines (SVM)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7FCBDEA-5F2C-FAAC-B6D3-9E1FA72FD54D}"/>
              </a:ext>
            </a:extLst>
          </p:cNvPr>
          <p:cNvSpPr txBox="1"/>
          <p:nvPr/>
        </p:nvSpPr>
        <p:spPr bwMode="gray">
          <a:xfrm>
            <a:off x="3621172" y="1647229"/>
            <a:ext cx="1436915" cy="40158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</a:pPr>
            <a:r>
              <a:rPr lang="en-US" sz="2200" dirty="0">
                <a:solidFill>
                  <a:srgbClr val="00B050"/>
                </a:solidFill>
                <a:latin typeface="Bahnschrift SemiCondensed" panose="020B0502040204020203" pitchFamily="34" charset="0"/>
              </a:rPr>
              <a:t>Regression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92C3C41-8AF1-147A-AF65-FDFBA6F8C612}"/>
              </a:ext>
            </a:extLst>
          </p:cNvPr>
          <p:cNvSpPr txBox="1"/>
          <p:nvPr/>
        </p:nvSpPr>
        <p:spPr bwMode="gray">
          <a:xfrm>
            <a:off x="3537854" y="2652987"/>
            <a:ext cx="1621973" cy="39635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</a:pPr>
            <a:r>
              <a:rPr lang="en-US" sz="2200" dirty="0">
                <a:solidFill>
                  <a:srgbClr val="00B050"/>
                </a:solidFill>
                <a:latin typeface="Bahnschrift SemiCondensed" panose="020B0502040204020203" pitchFamily="34" charset="0"/>
              </a:rPr>
              <a:t>Classification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EA05C05-A643-30D8-8347-3A30FD3A6457}"/>
              </a:ext>
            </a:extLst>
          </p:cNvPr>
          <p:cNvSpPr txBox="1"/>
          <p:nvPr/>
        </p:nvSpPr>
        <p:spPr bwMode="gray">
          <a:xfrm>
            <a:off x="3942670" y="1162304"/>
            <a:ext cx="1217157" cy="42527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</a:pPr>
            <a:r>
              <a:rPr lang="en-US" sz="2200" dirty="0">
                <a:solidFill>
                  <a:srgbClr val="817275"/>
                </a:solidFill>
                <a:latin typeface="Bahnschrift SemiCondensed" panose="020B0502040204020203" pitchFamily="34" charset="0"/>
              </a:rPr>
              <a:t>Type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3AFB2DB3-0CF3-721E-633F-004CF3957D1A}"/>
              </a:ext>
            </a:extLst>
          </p:cNvPr>
          <p:cNvSpPr txBox="1"/>
          <p:nvPr/>
        </p:nvSpPr>
        <p:spPr bwMode="gray">
          <a:xfrm>
            <a:off x="5825479" y="1114344"/>
            <a:ext cx="1882209" cy="4063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</a:pPr>
            <a:r>
              <a:rPr lang="en-US" sz="2200" dirty="0">
                <a:solidFill>
                  <a:srgbClr val="817275"/>
                </a:solidFill>
                <a:latin typeface="Bahnschrift SemiCondensed" panose="020B0502040204020203" pitchFamily="34" charset="0"/>
              </a:rPr>
              <a:t>Algorithm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2AA7FD5-E077-B9D3-4269-884320A64AD6}"/>
              </a:ext>
            </a:extLst>
          </p:cNvPr>
          <p:cNvSpPr txBox="1"/>
          <p:nvPr/>
        </p:nvSpPr>
        <p:spPr bwMode="gray">
          <a:xfrm>
            <a:off x="8139783" y="994187"/>
            <a:ext cx="3451024" cy="53502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lnSpc>
                <a:spcPts val="2000"/>
              </a:lnSpc>
            </a:pPr>
            <a:r>
              <a:rPr lang="en-US" sz="2000" dirty="0">
                <a:solidFill>
                  <a:srgbClr val="817275"/>
                </a:solidFill>
                <a:latin typeface="Bahnschrift SemiCondensed" panose="020B0502040204020203" pitchFamily="34" charset="0"/>
              </a:rPr>
              <a:t>Algorithms that can do both </a:t>
            </a:r>
          </a:p>
          <a:p>
            <a:pPr algn="ctr">
              <a:lnSpc>
                <a:spcPts val="2000"/>
              </a:lnSpc>
            </a:pPr>
            <a:r>
              <a:rPr lang="en-US" sz="2000" dirty="0">
                <a:solidFill>
                  <a:srgbClr val="817275"/>
                </a:solidFill>
                <a:latin typeface="Bahnschrift SemiCondensed" panose="020B0502040204020203" pitchFamily="34" charset="0"/>
              </a:rPr>
              <a:t>Regression and classification 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675C58F-D184-0EDA-5CF0-286C908F7021}"/>
              </a:ext>
            </a:extLst>
          </p:cNvPr>
          <p:cNvCxnSpPr>
            <a:cxnSpLocks/>
          </p:cNvCxnSpPr>
          <p:nvPr/>
        </p:nvCxnSpPr>
        <p:spPr bwMode="gray">
          <a:xfrm flipV="1">
            <a:off x="2982684" y="1876801"/>
            <a:ext cx="526251" cy="521228"/>
          </a:xfrm>
          <a:prstGeom prst="straightConnector1">
            <a:avLst/>
          </a:prstGeom>
          <a:ln w="22225">
            <a:solidFill>
              <a:schemeClr val="accent4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BAC888F2-AFA3-F0DA-4929-E79ADA5B00B5}"/>
              </a:ext>
            </a:extLst>
          </p:cNvPr>
          <p:cNvCxnSpPr>
            <a:cxnSpLocks/>
          </p:cNvCxnSpPr>
          <p:nvPr/>
        </p:nvCxnSpPr>
        <p:spPr bwMode="gray">
          <a:xfrm>
            <a:off x="2982684" y="2398029"/>
            <a:ext cx="492996" cy="405055"/>
          </a:xfrm>
          <a:prstGeom prst="straightConnector1">
            <a:avLst/>
          </a:prstGeom>
          <a:ln w="22225">
            <a:solidFill>
              <a:schemeClr val="accent4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DBEDB96F-DD2D-FD93-1711-AF6D315A75ED}"/>
              </a:ext>
            </a:extLst>
          </p:cNvPr>
          <p:cNvCxnSpPr>
            <a:cxnSpLocks/>
          </p:cNvCxnSpPr>
          <p:nvPr/>
        </p:nvCxnSpPr>
        <p:spPr bwMode="gray">
          <a:xfrm>
            <a:off x="4974353" y="1819627"/>
            <a:ext cx="480190" cy="2653"/>
          </a:xfrm>
          <a:prstGeom prst="straightConnector1">
            <a:avLst/>
          </a:prstGeom>
          <a:ln w="22225">
            <a:solidFill>
              <a:schemeClr val="accent4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31FC494F-22C3-0317-4A6B-6005F51961E8}"/>
              </a:ext>
            </a:extLst>
          </p:cNvPr>
          <p:cNvCxnSpPr>
            <a:cxnSpLocks/>
          </p:cNvCxnSpPr>
          <p:nvPr/>
        </p:nvCxnSpPr>
        <p:spPr bwMode="gray">
          <a:xfrm flipV="1">
            <a:off x="5054302" y="2867666"/>
            <a:ext cx="433738" cy="3995"/>
          </a:xfrm>
          <a:prstGeom prst="straightConnector1">
            <a:avLst/>
          </a:prstGeom>
          <a:ln w="22225">
            <a:solidFill>
              <a:schemeClr val="accent4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C5831212-9630-A468-7321-72B77CEE44FE}"/>
              </a:ext>
            </a:extLst>
          </p:cNvPr>
          <p:cNvSpPr txBox="1"/>
          <p:nvPr/>
        </p:nvSpPr>
        <p:spPr bwMode="gray">
          <a:xfrm>
            <a:off x="930726" y="2535570"/>
            <a:ext cx="1621974" cy="65220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lnSpc>
                <a:spcPts val="2600"/>
              </a:lnSpc>
            </a:pPr>
            <a:r>
              <a:rPr lang="en-US" sz="2000" dirty="0">
                <a:solidFill>
                  <a:srgbClr val="817275"/>
                </a:solidFill>
                <a:latin typeface="Bahnschrift SemiCondensed" panose="020B0502040204020203" pitchFamily="34" charset="0"/>
              </a:rPr>
              <a:t>(Trained with Target/Labels)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7CD6C8DE-4D38-CE2C-0663-73550BFBEBAD}"/>
              </a:ext>
            </a:extLst>
          </p:cNvPr>
          <p:cNvSpPr txBox="1"/>
          <p:nvPr/>
        </p:nvSpPr>
        <p:spPr bwMode="gray">
          <a:xfrm>
            <a:off x="774328" y="5280403"/>
            <a:ext cx="1877788" cy="53502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lnSpc>
                <a:spcPts val="2600"/>
              </a:lnSpc>
            </a:pPr>
            <a:r>
              <a:rPr lang="en-US" sz="2000" dirty="0">
                <a:solidFill>
                  <a:srgbClr val="817275"/>
                </a:solidFill>
                <a:latin typeface="Bahnschrift SemiCondensed" panose="020B0502040204020203" pitchFamily="34" charset="0"/>
              </a:rPr>
              <a:t>(Trained without Target/Labels)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0580850-7C96-8841-89C7-1DB5B5178871}"/>
              </a:ext>
            </a:extLst>
          </p:cNvPr>
          <p:cNvSpPr txBox="1"/>
          <p:nvPr/>
        </p:nvSpPr>
        <p:spPr bwMode="gray">
          <a:xfrm>
            <a:off x="3961447" y="4643593"/>
            <a:ext cx="1621973" cy="39635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</a:pPr>
            <a:r>
              <a:rPr lang="en-US" sz="2200" dirty="0">
                <a:solidFill>
                  <a:srgbClr val="00B050"/>
                </a:solidFill>
                <a:latin typeface="Bahnschrift SemiCondensed" panose="020B0502040204020203" pitchFamily="34" charset="0"/>
              </a:rPr>
              <a:t>Clustering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59DF71E7-60BB-2D32-0F59-652F99C30A1C}"/>
              </a:ext>
            </a:extLst>
          </p:cNvPr>
          <p:cNvSpPr txBox="1"/>
          <p:nvPr/>
        </p:nvSpPr>
        <p:spPr bwMode="gray">
          <a:xfrm>
            <a:off x="3946070" y="5315071"/>
            <a:ext cx="1817917" cy="46569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</a:pPr>
            <a:r>
              <a:rPr lang="en-US" sz="2200" dirty="0">
                <a:solidFill>
                  <a:srgbClr val="00B050"/>
                </a:solidFill>
                <a:latin typeface="Bahnschrift SemiCondensed" panose="020B0502040204020203" pitchFamily="34" charset="0"/>
              </a:rPr>
              <a:t>Dimensionality Reduction</a:t>
            </a:r>
          </a:p>
        </p:txBody>
      </p: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1ACA53EA-DBA6-E95F-5E1C-C14F95D6E23F}"/>
              </a:ext>
            </a:extLst>
          </p:cNvPr>
          <p:cNvCxnSpPr>
            <a:cxnSpLocks/>
          </p:cNvCxnSpPr>
          <p:nvPr/>
        </p:nvCxnSpPr>
        <p:spPr bwMode="gray">
          <a:xfrm flipV="1">
            <a:off x="3163314" y="4808962"/>
            <a:ext cx="691242" cy="321406"/>
          </a:xfrm>
          <a:prstGeom prst="straightConnector1">
            <a:avLst/>
          </a:prstGeom>
          <a:ln w="22225">
            <a:solidFill>
              <a:schemeClr val="accent4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67511F04-A7CC-488D-8C4B-471F6EA2F0DE}"/>
              </a:ext>
            </a:extLst>
          </p:cNvPr>
          <p:cNvCxnSpPr>
            <a:cxnSpLocks/>
          </p:cNvCxnSpPr>
          <p:nvPr/>
        </p:nvCxnSpPr>
        <p:spPr bwMode="gray">
          <a:xfrm>
            <a:off x="3168508" y="5128424"/>
            <a:ext cx="638940" cy="405055"/>
          </a:xfrm>
          <a:prstGeom prst="straightConnector1">
            <a:avLst/>
          </a:prstGeom>
          <a:ln w="22225">
            <a:solidFill>
              <a:schemeClr val="accent4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5" name="TextBox 34">
            <a:extLst>
              <a:ext uri="{FF2B5EF4-FFF2-40B4-BE49-F238E27FC236}">
                <a16:creationId xmlns:a16="http://schemas.microsoft.com/office/drawing/2014/main" id="{0DE85E6B-9562-250F-8ED5-C1897507CF9D}"/>
              </a:ext>
            </a:extLst>
          </p:cNvPr>
          <p:cNvSpPr txBox="1"/>
          <p:nvPr/>
        </p:nvSpPr>
        <p:spPr bwMode="gray">
          <a:xfrm>
            <a:off x="4291015" y="4104798"/>
            <a:ext cx="1217157" cy="42527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</a:pPr>
            <a:r>
              <a:rPr lang="en-US" sz="2200" dirty="0">
                <a:solidFill>
                  <a:srgbClr val="817275"/>
                </a:solidFill>
                <a:latin typeface="Bahnschrift SemiCondensed" panose="020B0502040204020203" pitchFamily="34" charset="0"/>
              </a:rPr>
              <a:t>Type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0068F711-2887-ECE7-8228-E19350874CB3}"/>
              </a:ext>
            </a:extLst>
          </p:cNvPr>
          <p:cNvSpPr txBox="1"/>
          <p:nvPr/>
        </p:nvSpPr>
        <p:spPr bwMode="gray">
          <a:xfrm>
            <a:off x="6121389" y="4108873"/>
            <a:ext cx="1882209" cy="53502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</a:pPr>
            <a:r>
              <a:rPr lang="en-US" sz="2200" dirty="0">
                <a:solidFill>
                  <a:srgbClr val="817275"/>
                </a:solidFill>
                <a:latin typeface="Bahnschrift SemiCondensed" panose="020B0502040204020203" pitchFamily="34" charset="0"/>
              </a:rPr>
              <a:t>Algorithms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C4889E45-9958-36A6-35FC-FA44963B9348}"/>
              </a:ext>
            </a:extLst>
          </p:cNvPr>
          <p:cNvSpPr txBox="1"/>
          <p:nvPr/>
        </p:nvSpPr>
        <p:spPr bwMode="gray">
          <a:xfrm>
            <a:off x="5607096" y="4422519"/>
            <a:ext cx="2970847" cy="212365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200" dirty="0">
                <a:latin typeface="Bahnschrift SemiCondensed" panose="020B0502040204020203" pitchFamily="34" charset="0"/>
              </a:rPr>
              <a:t>K-means clustering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200" dirty="0">
                <a:latin typeface="Bahnschrift SemiCondensed" panose="020B0502040204020203" pitchFamily="34" charset="0"/>
              </a:rPr>
              <a:t>KNN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200" dirty="0">
                <a:latin typeface="Bahnschrift SemiCondensed" panose="020B0502040204020203" pitchFamily="34" charset="0"/>
              </a:rPr>
              <a:t>Hierarchal clusteri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200" dirty="0">
                <a:latin typeface="Bahnschrift SemiCondensed" panose="020B0502040204020203" pitchFamily="34" charset="0"/>
              </a:rPr>
              <a:t>Anomaly detec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200" dirty="0">
                <a:latin typeface="Bahnschrift SemiCondensed" panose="020B0502040204020203" pitchFamily="34" charset="0"/>
              </a:rPr>
              <a:t>Principle Component Analysis (PCA)</a:t>
            </a:r>
          </a:p>
        </p:txBody>
      </p:sp>
      <p:graphicFrame>
        <p:nvGraphicFramePr>
          <p:cNvPr id="39" name="Table 38">
            <a:extLst>
              <a:ext uri="{FF2B5EF4-FFF2-40B4-BE49-F238E27FC236}">
                <a16:creationId xmlns:a16="http://schemas.microsoft.com/office/drawing/2014/main" id="{8CEDC57A-5ED9-8FA4-757D-23095AF68F1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89702568"/>
              </p:ext>
            </p:extLst>
          </p:nvPr>
        </p:nvGraphicFramePr>
        <p:xfrm>
          <a:off x="9640507" y="5128424"/>
          <a:ext cx="2093852" cy="1531621"/>
        </p:xfrm>
        <a:graphic>
          <a:graphicData uri="http://schemas.openxmlformats.org/drawingml/2006/table">
            <a:tbl>
              <a:tblPr>
                <a:tableStyleId>{773F8A54-F971-430D-9108-034FE38666EA}</a:tableStyleId>
              </a:tblPr>
              <a:tblGrid>
                <a:gridCol w="620990">
                  <a:extLst>
                    <a:ext uri="{9D8B030D-6E8A-4147-A177-3AD203B41FA5}">
                      <a16:colId xmlns:a16="http://schemas.microsoft.com/office/drawing/2014/main" val="2059954073"/>
                    </a:ext>
                  </a:extLst>
                </a:gridCol>
                <a:gridCol w="808298">
                  <a:extLst>
                    <a:ext uri="{9D8B030D-6E8A-4147-A177-3AD203B41FA5}">
                      <a16:colId xmlns:a16="http://schemas.microsoft.com/office/drawing/2014/main" val="2048984370"/>
                    </a:ext>
                  </a:extLst>
                </a:gridCol>
                <a:gridCol w="664564">
                  <a:extLst>
                    <a:ext uri="{9D8B030D-6E8A-4147-A177-3AD203B41FA5}">
                      <a16:colId xmlns:a16="http://schemas.microsoft.com/office/drawing/2014/main" val="1425079902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Temp</a:t>
                      </a:r>
                      <a:endParaRPr lang="en-US" sz="14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angle</a:t>
                      </a:r>
                      <a:endParaRPr lang="en-US" sz="14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RPM</a:t>
                      </a:r>
                      <a:endParaRPr lang="en-US" sz="14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999486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7</a:t>
                      </a:r>
                      <a:endParaRPr lang="en-US" sz="1400" b="0" i="0" u="none" strike="noStrike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-0.005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63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445906278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6</a:t>
                      </a:r>
                      <a:endParaRPr lang="en-US" sz="1400" b="0" i="0" u="none" strike="noStrike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15</a:t>
                      </a:r>
                      <a:endParaRPr lang="en-US" sz="1400" b="0" i="0" u="none" strike="noStrike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03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7961276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6</a:t>
                      </a:r>
                      <a:endParaRPr lang="en-US" sz="1400" b="0" i="0" u="none" strike="noStrike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1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34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65517816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3</a:t>
                      </a:r>
                      <a:endParaRPr lang="en-US" sz="1400" b="0" i="0" u="none" strike="noStrike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-0.032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40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28267990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1</a:t>
                      </a:r>
                      <a:endParaRPr lang="en-US" sz="1400" b="0" i="0" u="none" strike="noStrike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-0.003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00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6396515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7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0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4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20</a:t>
                      </a:r>
                      <a:endParaRPr lang="en-US" sz="14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53836960"/>
                  </a:ext>
                </a:extLst>
              </a:tr>
            </a:tbl>
          </a:graphicData>
        </a:graphic>
      </p:graphicFrame>
      <p:sp>
        <p:nvSpPr>
          <p:cNvPr id="40" name="TextBox 39">
            <a:extLst>
              <a:ext uri="{FF2B5EF4-FFF2-40B4-BE49-F238E27FC236}">
                <a16:creationId xmlns:a16="http://schemas.microsoft.com/office/drawing/2014/main" id="{6C590674-F099-19F7-4BFA-980147A40A9E}"/>
              </a:ext>
            </a:extLst>
          </p:cNvPr>
          <p:cNvSpPr txBox="1"/>
          <p:nvPr/>
        </p:nvSpPr>
        <p:spPr bwMode="gray">
          <a:xfrm>
            <a:off x="9085161" y="3846655"/>
            <a:ext cx="2707869" cy="6290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1600" dirty="0">
                <a:solidFill>
                  <a:schemeClr val="accent1">
                    <a:lumMod val="50000"/>
                    <a:lumOff val="50000"/>
                  </a:schemeClr>
                </a:solidFill>
                <a:latin typeface="Bahnschrift SemiCondensed" panose="020B0502040204020203" pitchFamily="34" charset="0"/>
              </a:rPr>
              <a:t>Ex. Task: Given Temp and Angle,     </a:t>
            </a:r>
          </a:p>
          <a:p>
            <a:pPr algn="l"/>
            <a:r>
              <a:rPr lang="en-US" sz="1600" dirty="0">
                <a:solidFill>
                  <a:schemeClr val="accent1">
                    <a:lumMod val="50000"/>
                    <a:lumOff val="50000"/>
                  </a:schemeClr>
                </a:solidFill>
                <a:latin typeface="Bahnschrift SemiCondensed" panose="020B0502040204020203" pitchFamily="34" charset="0"/>
              </a:rPr>
              <a:t>       predict the rpm of the motor</a:t>
            </a: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9A8F8D22-ABD9-C5FE-5519-02BD31D80252}"/>
              </a:ext>
            </a:extLst>
          </p:cNvPr>
          <p:cNvSpPr txBox="1"/>
          <p:nvPr/>
        </p:nvSpPr>
        <p:spPr bwMode="gray">
          <a:xfrm>
            <a:off x="8874146" y="4487177"/>
            <a:ext cx="1456337" cy="35416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dirty="0">
                <a:solidFill>
                  <a:schemeClr val="tx2"/>
                </a:solidFill>
                <a:latin typeface="Bahnschrift SemiCondensed" panose="020B0502040204020203" pitchFamily="34" charset="0"/>
              </a:rPr>
              <a:t>Input (Features)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6E46FEEB-F7E3-9B45-F862-05AC07F0E92A}"/>
              </a:ext>
            </a:extLst>
          </p:cNvPr>
          <p:cNvSpPr txBox="1"/>
          <p:nvPr/>
        </p:nvSpPr>
        <p:spPr bwMode="gray">
          <a:xfrm>
            <a:off x="10724117" y="4487607"/>
            <a:ext cx="1292439" cy="33306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dirty="0">
                <a:solidFill>
                  <a:schemeClr val="tx2"/>
                </a:solidFill>
                <a:latin typeface="Bahnschrift SemiCondensed" panose="020B0502040204020203" pitchFamily="34" charset="0"/>
              </a:rPr>
              <a:t>Target (labels)</a:t>
            </a:r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A1823204-CEF0-AC12-D3C7-BEBB9B23CDDC}"/>
              </a:ext>
            </a:extLst>
          </p:cNvPr>
          <p:cNvSpPr/>
          <p:nvPr/>
        </p:nvSpPr>
        <p:spPr bwMode="gray">
          <a:xfrm>
            <a:off x="9574823" y="5039947"/>
            <a:ext cx="1433146" cy="390719"/>
          </a:xfrm>
          <a:prstGeom prst="ellipse">
            <a:avLst/>
          </a:prstGeom>
          <a:noFill/>
          <a:ln w="3175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E99F8CB3-6591-4E79-A69E-590C457A1B40}"/>
              </a:ext>
            </a:extLst>
          </p:cNvPr>
          <p:cNvCxnSpPr>
            <a:cxnSpLocks/>
            <a:stCxn id="44" idx="1"/>
          </p:cNvCxnSpPr>
          <p:nvPr/>
        </p:nvCxnSpPr>
        <p:spPr bwMode="gray">
          <a:xfrm flipH="1" flipV="1">
            <a:off x="9425354" y="4783433"/>
            <a:ext cx="359348" cy="313733"/>
          </a:xfrm>
          <a:prstGeom prst="straightConnector1">
            <a:avLst/>
          </a:prstGeom>
          <a:ln w="22225">
            <a:solidFill>
              <a:schemeClr val="accent4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29062B8D-8AE8-4C13-C82C-89CB4DB1BE2B}"/>
              </a:ext>
            </a:extLst>
          </p:cNvPr>
          <p:cNvCxnSpPr>
            <a:cxnSpLocks/>
          </p:cNvCxnSpPr>
          <p:nvPr/>
        </p:nvCxnSpPr>
        <p:spPr bwMode="gray">
          <a:xfrm flipH="1" flipV="1">
            <a:off x="11157438" y="4756543"/>
            <a:ext cx="244165" cy="373825"/>
          </a:xfrm>
          <a:prstGeom prst="straightConnector1">
            <a:avLst/>
          </a:prstGeom>
          <a:ln w="22225">
            <a:solidFill>
              <a:schemeClr val="accent4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TextBox 55">
            <a:extLst>
              <a:ext uri="{FF2B5EF4-FFF2-40B4-BE49-F238E27FC236}">
                <a16:creationId xmlns:a16="http://schemas.microsoft.com/office/drawing/2014/main" id="{29779B0F-957C-6466-13E7-4CB20E05B2D0}"/>
              </a:ext>
            </a:extLst>
          </p:cNvPr>
          <p:cNvSpPr txBox="1"/>
          <p:nvPr/>
        </p:nvSpPr>
        <p:spPr bwMode="gray">
          <a:xfrm>
            <a:off x="3615042" y="2092204"/>
            <a:ext cx="2529939" cy="31240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ts val="1600"/>
              </a:lnSpc>
            </a:pPr>
            <a:r>
              <a:rPr lang="en-US" sz="1600" dirty="0">
                <a:solidFill>
                  <a:srgbClr val="5B6F80"/>
                </a:solidFill>
                <a:latin typeface="Bahnschrift SemiCondensed" panose="020B0502040204020203" pitchFamily="34" charset="0"/>
              </a:rPr>
              <a:t>Target: Continuous values</a:t>
            </a: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621F3870-0D37-E394-5297-5CA7A8032568}"/>
              </a:ext>
            </a:extLst>
          </p:cNvPr>
          <p:cNvSpPr txBox="1"/>
          <p:nvPr/>
        </p:nvSpPr>
        <p:spPr bwMode="gray">
          <a:xfrm>
            <a:off x="3537854" y="3018474"/>
            <a:ext cx="2529939" cy="65220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ts val="1600"/>
              </a:lnSpc>
            </a:pPr>
            <a:r>
              <a:rPr lang="en-US" sz="1600" dirty="0">
                <a:solidFill>
                  <a:srgbClr val="5B6F80"/>
                </a:solidFill>
                <a:latin typeface="Bahnschrift SemiCondensed" panose="020B0502040204020203" pitchFamily="34" charset="0"/>
              </a:rPr>
              <a:t>Target: Categories</a:t>
            </a:r>
          </a:p>
          <a:p>
            <a:pPr>
              <a:lnSpc>
                <a:spcPts val="1600"/>
              </a:lnSpc>
            </a:pPr>
            <a:r>
              <a:rPr lang="en-US" sz="1600" dirty="0">
                <a:solidFill>
                  <a:srgbClr val="5B6F80"/>
                </a:solidFill>
                <a:latin typeface="Bahnschrift SemiCondensed" panose="020B0502040204020203" pitchFamily="34" charset="0"/>
              </a:rPr>
              <a:t>(Yes/No, colors, types,</a:t>
            </a:r>
          </a:p>
          <a:p>
            <a:pPr>
              <a:lnSpc>
                <a:spcPts val="1600"/>
              </a:lnSpc>
            </a:pPr>
            <a:r>
              <a:rPr lang="en-US" sz="1600" dirty="0">
                <a:solidFill>
                  <a:srgbClr val="5B6F80"/>
                </a:solidFill>
                <a:latin typeface="Bahnschrift SemiCondensed" panose="020B0502040204020203" pitchFamily="34" charset="0"/>
              </a:rPr>
              <a:t>Categories)</a:t>
            </a:r>
          </a:p>
        </p:txBody>
      </p:sp>
    </p:spTree>
    <p:extLst>
      <p:ext uri="{BB962C8B-B14F-4D97-AF65-F5344CB8AC3E}">
        <p14:creationId xmlns:p14="http://schemas.microsoft.com/office/powerpoint/2010/main" val="1241506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8" fill="hold">
                            <p:stCondLst>
                              <p:cond delay="500"/>
                            </p:stCondLst>
                            <p:childTnLst>
                              <p:par>
                                <p:cTn id="4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1" dur="500"/>
                                        <p:tgtEl>
                                          <p:spTgt spid="5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4" dur="500"/>
                                        <p:tgtEl>
                                          <p:spTgt spid="5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9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2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5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6" fill="hold">
                      <p:stCondLst>
                        <p:cond delay="indefinite"/>
                      </p:stCondLst>
                      <p:childTnLst>
                        <p:par>
                          <p:cTn id="67" fill="hold">
                            <p:stCondLst>
                              <p:cond delay="0"/>
                            </p:stCondLst>
                            <p:childTnLst>
                              <p:par>
                                <p:cTn id="6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0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3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4" fill="hold">
                      <p:stCondLst>
                        <p:cond delay="indefinite"/>
                      </p:stCondLst>
                      <p:childTnLst>
                        <p:par>
                          <p:cTn id="75" fill="hold">
                            <p:stCondLst>
                              <p:cond delay="0"/>
                            </p:stCondLst>
                            <p:childTnLst>
                              <p:par>
                                <p:cTn id="7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8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79" fill="hold">
                            <p:stCondLst>
                              <p:cond delay="500"/>
                            </p:stCondLst>
                            <p:childTnLst>
                              <p:par>
                                <p:cTn id="8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2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3" fill="hold">
                      <p:stCondLst>
                        <p:cond delay="indefinite"/>
                      </p:stCondLst>
                      <p:childTnLst>
                        <p:par>
                          <p:cTn id="84" fill="hold">
                            <p:stCondLst>
                              <p:cond delay="0"/>
                            </p:stCondLst>
                            <p:childTnLst>
                              <p:par>
                                <p:cTn id="8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7" dur="500"/>
                                        <p:tgtEl>
                                          <p:spTgt spid="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0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3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6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9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0" fill="hold">
                      <p:stCondLst>
                        <p:cond delay="indefinite"/>
                      </p:stCondLst>
                      <p:childTnLst>
                        <p:par>
                          <p:cTn id="101" fill="hold">
                            <p:stCondLst>
                              <p:cond delay="0"/>
                            </p:stCondLst>
                            <p:childTnLst>
                              <p:par>
                                <p:cTn id="10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4" dur="500"/>
                                        <p:tgtEl>
                                          <p:spTgt spid="3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7" dur="500"/>
                                        <p:tgtEl>
                                          <p:spTgt spid="3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/>
      <p:bldP spid="2" grpId="0"/>
      <p:bldP spid="7" grpId="0"/>
      <p:bldP spid="9" grpId="0"/>
      <p:bldP spid="10" grpId="0"/>
      <p:bldP spid="11" grpId="0"/>
      <p:bldP spid="12" grpId="0"/>
      <p:bldP spid="13" grpId="0"/>
      <p:bldP spid="15" grpId="0"/>
      <p:bldP spid="16" grpId="0"/>
      <p:bldP spid="28" grpId="0"/>
      <p:bldP spid="29" grpId="0"/>
      <p:bldP spid="30" grpId="0"/>
      <p:bldP spid="31" grpId="0"/>
      <p:bldP spid="35" grpId="0"/>
      <p:bldP spid="36" grpId="0"/>
      <p:bldP spid="38" grpId="0"/>
      <p:bldP spid="41" grpId="0"/>
      <p:bldP spid="43" grpId="0"/>
      <p:bldP spid="44" grpId="0" animBg="1"/>
      <p:bldP spid="56" grpId="0"/>
      <p:bldP spid="57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8F0FD326-83BC-4F47-EADB-AC379E104681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D780619A-B182-EE12-B6E9-28D7AD5D55E0}"/>
              </a:ext>
            </a:extLst>
          </p:cNvPr>
          <p:cNvGraphicFramePr/>
          <p:nvPr/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13E2A397-14C0-48AF-06BB-588DA8E89C71}"/>
              </a:ext>
            </a:extLst>
          </p:cNvPr>
          <p:cNvSpPr txBox="1"/>
          <p:nvPr/>
        </p:nvSpPr>
        <p:spPr bwMode="gray">
          <a:xfrm>
            <a:off x="256040" y="1032993"/>
            <a:ext cx="3887233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chemeClr val="bg2"/>
                </a:solidFill>
                <a:latin typeface="Bahnschrift SemiCondensed" panose="020B0502040204020203" pitchFamily="34" charset="0"/>
              </a:rPr>
              <a:t>Scaling - Why needed?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B31B0A9-80A3-4575-5485-4B414D609A04}"/>
              </a:ext>
            </a:extLst>
          </p:cNvPr>
          <p:cNvSpPr txBox="1"/>
          <p:nvPr/>
        </p:nvSpPr>
        <p:spPr bwMode="gray">
          <a:xfrm>
            <a:off x="5549482" y="1968306"/>
            <a:ext cx="3179146" cy="5850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Scaled Data (Normalized)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6203CAE-5984-8AA0-F86B-E70B9A7DEC8A}"/>
              </a:ext>
            </a:extLst>
          </p:cNvPr>
          <p:cNvSpPr txBox="1"/>
          <p:nvPr/>
        </p:nvSpPr>
        <p:spPr bwMode="gray">
          <a:xfrm>
            <a:off x="584201" y="228966"/>
            <a:ext cx="8080828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Step 2 </a:t>
            </a:r>
            <a:r>
              <a:rPr lang="en-US" sz="30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:  </a:t>
            </a:r>
            <a:r>
              <a:rPr lang="en-US" sz="3000" b="1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Preparing Data</a:t>
            </a: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41FC2379-19C7-9076-AD8D-17590DFB599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88295390"/>
              </p:ext>
            </p:extLst>
          </p:nvPr>
        </p:nvGraphicFramePr>
        <p:xfrm>
          <a:off x="461693" y="2393334"/>
          <a:ext cx="4063092" cy="4196445"/>
        </p:xfrm>
        <a:graphic>
          <a:graphicData uri="http://schemas.openxmlformats.org/drawingml/2006/table">
            <a:tbl>
              <a:tblPr>
                <a:tableStyleId>{773F8A54-F971-430D-9108-034FE38666EA}</a:tableStyleId>
              </a:tblPr>
              <a:tblGrid>
                <a:gridCol w="773922">
                  <a:extLst>
                    <a:ext uri="{9D8B030D-6E8A-4147-A177-3AD203B41FA5}">
                      <a16:colId xmlns:a16="http://schemas.microsoft.com/office/drawing/2014/main" val="1682813403"/>
                    </a:ext>
                  </a:extLst>
                </a:gridCol>
                <a:gridCol w="1096390">
                  <a:extLst>
                    <a:ext uri="{9D8B030D-6E8A-4147-A177-3AD203B41FA5}">
                      <a16:colId xmlns:a16="http://schemas.microsoft.com/office/drawing/2014/main" val="2059954073"/>
                    </a:ext>
                  </a:extLst>
                </a:gridCol>
                <a:gridCol w="1096390">
                  <a:extLst>
                    <a:ext uri="{9D8B030D-6E8A-4147-A177-3AD203B41FA5}">
                      <a16:colId xmlns:a16="http://schemas.microsoft.com/office/drawing/2014/main" val="3273272707"/>
                    </a:ext>
                  </a:extLst>
                </a:gridCol>
                <a:gridCol w="1096390">
                  <a:extLst>
                    <a:ext uri="{9D8B030D-6E8A-4147-A177-3AD203B41FA5}">
                      <a16:colId xmlns:a16="http://schemas.microsoft.com/office/drawing/2014/main" val="1425079902"/>
                    </a:ext>
                  </a:extLst>
                </a:gridCol>
              </a:tblGrid>
              <a:tr h="185420">
                <a:tc>
                  <a:txBody>
                    <a:bodyPr/>
                    <a:lstStyle/>
                    <a:p>
                      <a:pPr algn="l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 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eature 1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eature 2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eature 3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999486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7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6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-0.005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445906278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0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15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7961276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</a:t>
                      </a:r>
                      <a:endParaRPr lang="en-US" sz="1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34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65517816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4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-0.032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28267990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5</a:t>
                      </a:r>
                      <a:endParaRPr lang="en-US" sz="1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-0.00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6396515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6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7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20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5383696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7</a:t>
                      </a:r>
                      <a:endParaRPr lang="en-US" sz="1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6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14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27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67356752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8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22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-0.004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28262524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9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4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12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7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49696205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0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7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34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-0.00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868248456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1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4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6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-0.01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504537191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8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7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-0.032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95736676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2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28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28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400309473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4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4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27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9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093826338"/>
                  </a:ext>
                </a:extLst>
              </a:tr>
            </a:tbl>
          </a:graphicData>
        </a:graphic>
      </p:graphicFrame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A35205F8-E741-2DCB-E16D-D9C840E5459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406234504"/>
              </p:ext>
            </p:extLst>
          </p:nvPr>
        </p:nvGraphicFramePr>
        <p:xfrm>
          <a:off x="5209821" y="2404219"/>
          <a:ext cx="3605892" cy="4196445"/>
        </p:xfrm>
        <a:graphic>
          <a:graphicData uri="http://schemas.openxmlformats.org/drawingml/2006/table">
            <a:tbl>
              <a:tblPr>
                <a:tableStyleId>{773F8A54-F971-430D-9108-034FE38666EA}</a:tableStyleId>
              </a:tblPr>
              <a:tblGrid>
                <a:gridCol w="1201964">
                  <a:extLst>
                    <a:ext uri="{9D8B030D-6E8A-4147-A177-3AD203B41FA5}">
                      <a16:colId xmlns:a16="http://schemas.microsoft.com/office/drawing/2014/main" val="789185482"/>
                    </a:ext>
                  </a:extLst>
                </a:gridCol>
                <a:gridCol w="1201964">
                  <a:extLst>
                    <a:ext uri="{9D8B030D-6E8A-4147-A177-3AD203B41FA5}">
                      <a16:colId xmlns:a16="http://schemas.microsoft.com/office/drawing/2014/main" val="679345863"/>
                    </a:ext>
                  </a:extLst>
                </a:gridCol>
                <a:gridCol w="1201964">
                  <a:extLst>
                    <a:ext uri="{9D8B030D-6E8A-4147-A177-3AD203B41FA5}">
                      <a16:colId xmlns:a16="http://schemas.microsoft.com/office/drawing/2014/main" val="969737373"/>
                    </a:ext>
                  </a:extLst>
                </a:gridCol>
              </a:tblGrid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eature 1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eature 2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eature 3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89329122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8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91677973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6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382352873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82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32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5889902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9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8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54374234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8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241462016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8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12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3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6087842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58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987871051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9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5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7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46074430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7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16527372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8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3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50910894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1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0234073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7319571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14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9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59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02842552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17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0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64425211"/>
                  </a:ext>
                </a:extLst>
              </a:tr>
            </a:tbl>
          </a:graphicData>
        </a:graphic>
      </p:graphicFrame>
      <p:sp>
        <p:nvSpPr>
          <p:cNvPr id="10" name="TextBox 9">
            <a:extLst>
              <a:ext uri="{FF2B5EF4-FFF2-40B4-BE49-F238E27FC236}">
                <a16:creationId xmlns:a16="http://schemas.microsoft.com/office/drawing/2014/main" id="{652F3228-EAD8-B063-A700-2FAA4E9F90B8}"/>
              </a:ext>
            </a:extLst>
          </p:cNvPr>
          <p:cNvSpPr txBox="1"/>
          <p:nvPr/>
        </p:nvSpPr>
        <p:spPr bwMode="gray">
          <a:xfrm>
            <a:off x="1929385" y="1976412"/>
            <a:ext cx="1659230" cy="5850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Raw data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" name="TextBox 1">
                <a:extLst>
                  <a:ext uri="{FF2B5EF4-FFF2-40B4-BE49-F238E27FC236}">
                    <a16:creationId xmlns:a16="http://schemas.microsoft.com/office/drawing/2014/main" id="{8A78B29F-6DF8-71EA-2CB9-DA1198AEE580}"/>
                  </a:ext>
                </a:extLst>
              </p:cNvPr>
              <p:cNvSpPr txBox="1"/>
              <p:nvPr/>
            </p:nvSpPr>
            <p:spPr bwMode="gray">
              <a:xfrm>
                <a:off x="3905126" y="1093461"/>
                <a:ext cx="4534035" cy="76600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r>
                        <a:rPr lang="en-US" sz="2000" b="1" i="1" smtClean="0">
                          <a:solidFill>
                            <a:srgbClr val="7030A0"/>
                          </a:solidFill>
                          <a:latin typeface="Cambria Math" panose="02040503050406030204" pitchFamily="18" charset="0"/>
                        </a:rPr>
                        <m:t>𝒉</m:t>
                      </m:r>
                      <m:d>
                        <m:dPr>
                          <m:ctrlPr>
                            <a:rPr lang="en-US" sz="2000" b="1" i="1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2000" b="1" i="1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</m:t>
                          </m:r>
                        </m:e>
                      </m:d>
                      <m:r>
                        <a:rPr lang="en-US" sz="2000" b="1" i="1">
                          <a:solidFill>
                            <a:srgbClr val="7030A0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 </m:t>
                      </m:r>
                      <m:r>
                        <a:rPr lang="en-US" sz="2000" b="1" i="1" smtClean="0">
                          <a:solidFill>
                            <a:srgbClr val="7030A0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= </m:t>
                      </m:r>
                      <m:sSub>
                        <m:sSubPr>
                          <m:ctrlPr>
                            <a:rPr lang="en-US" sz="2000" b="1" i="1" smtClean="0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sSub>
                            <m:sSubPr>
                              <m:ctrlPr>
                                <a:rPr lang="en-US" sz="2000" b="1" i="1">
                                  <a:solidFill>
                                    <a:srgbClr val="7030A0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000" b="1" i="1">
                                  <a:solidFill>
                                    <a:srgbClr val="7030A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𝒙</m:t>
                              </m:r>
                            </m:e>
                            <m:sub>
                              <m:r>
                                <a:rPr lang="en-US" sz="2000" b="1" i="1">
                                  <a:solidFill>
                                    <a:srgbClr val="7030A0"/>
                                  </a:solidFill>
                                  <a:latin typeface="Cambria Math" panose="02040503050406030204" pitchFamily="18" charset="0"/>
                                </a:rPr>
                                <m:t>𝟏</m:t>
                              </m:r>
                            </m:sub>
                          </m:sSub>
                          <m:r>
                            <a:rPr lang="en-US" sz="2000" b="1" i="1" smtClean="0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</m:t>
                          </m:r>
                        </m:e>
                        <m:sub>
                          <m:r>
                            <a:rPr lang="en-US" sz="2000" b="1" i="1" smtClean="0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  <m:sSub>
                        <m:sSubPr>
                          <m:ctrlPr>
                            <a:rPr lang="en-US" sz="2000" b="1" i="1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</a:rPr>
                            <m:t>  +</m:t>
                          </m:r>
                          <m:sSub>
                            <m:sSubPr>
                              <m:ctrlPr>
                                <a:rPr lang="en-US" sz="2000" b="1" i="1">
                                  <a:solidFill>
                                    <a:srgbClr val="7030A0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000" b="1" i="1" smtClean="0">
                                  <a:solidFill>
                                    <a:srgbClr val="7030A0"/>
                                  </a:solidFill>
                                  <a:latin typeface="Cambria Math" panose="02040503050406030204" pitchFamily="18" charset="0"/>
                                </a:rPr>
                                <m:t>  </m:t>
                              </m:r>
                              <m:r>
                                <a:rPr lang="en-US" sz="2000" b="1" i="1">
                                  <a:solidFill>
                                    <a:srgbClr val="7030A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𝒙</m:t>
                              </m:r>
                            </m:e>
                            <m:sub>
                              <m:r>
                                <a:rPr lang="en-US" sz="2000" b="1" i="1" smtClean="0">
                                  <a:solidFill>
                                    <a:srgbClr val="7030A0"/>
                                  </a:solidFill>
                                  <a:latin typeface="Cambria Math" panose="02040503050406030204" pitchFamily="18" charset="0"/>
                                </a:rPr>
                                <m:t>𝟐</m:t>
                              </m:r>
                            </m:sub>
                          </m:sSub>
                          <m:r>
                            <a:rPr lang="en-US" sz="2000" b="1" i="1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</m:t>
                          </m:r>
                        </m:e>
                        <m:sub>
                          <m:r>
                            <a:rPr lang="en-US" sz="2000" b="1" i="1" smtClean="0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</a:rPr>
                            <m:t>𝟐</m:t>
                          </m:r>
                        </m:sub>
                      </m:sSub>
                      <m:sSub>
                        <m:sSubPr>
                          <m:ctrlPr>
                            <a:rPr lang="en-US" sz="2000" b="1" i="1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</a:rPr>
                            <m:t>  </m:t>
                          </m:r>
                          <m:r>
                            <a:rPr lang="en-US" sz="2000" b="1" i="1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en-US" sz="2000" b="1" i="1">
                                  <a:solidFill>
                                    <a:srgbClr val="7030A0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000" b="1" i="1" smtClean="0">
                                  <a:solidFill>
                                    <a:srgbClr val="7030A0"/>
                                  </a:solidFill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en-US" sz="2000" b="1" i="1">
                                  <a:solidFill>
                                    <a:srgbClr val="7030A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𝒙</m:t>
                              </m:r>
                            </m:e>
                            <m:sub>
                              <m:r>
                                <a:rPr lang="en-US" sz="2000" b="1" i="1" smtClean="0">
                                  <a:solidFill>
                                    <a:srgbClr val="7030A0"/>
                                  </a:solidFill>
                                  <a:latin typeface="Cambria Math" panose="02040503050406030204" pitchFamily="18" charset="0"/>
                                </a:rPr>
                                <m:t>𝟑</m:t>
                              </m:r>
                            </m:sub>
                          </m:sSub>
                          <m:r>
                            <a:rPr lang="en-US" sz="2000" b="1" i="1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</m:t>
                          </m:r>
                        </m:e>
                        <m:sub>
                          <m:r>
                            <a:rPr lang="en-US" sz="2000" b="1" i="1" smtClean="0">
                              <a:solidFill>
                                <a:srgbClr val="7030A0"/>
                              </a:solidFill>
                              <a:latin typeface="Cambria Math" panose="02040503050406030204" pitchFamily="18" charset="0"/>
                            </a:rPr>
                            <m:t>𝟑</m:t>
                          </m:r>
                        </m:sub>
                      </m:sSub>
                    </m:oMath>
                  </m:oMathPara>
                </a14:m>
                <a:endParaRPr lang="en-US" sz="2000" b="1" dirty="0">
                  <a:solidFill>
                    <a:srgbClr val="7030A0"/>
                  </a:solidFill>
                  <a:sym typeface="Symbol" panose="05050102010706020507" pitchFamily="18" charset="2"/>
                </a:endParaRPr>
              </a:p>
              <a:p>
                <a:pPr>
                  <a:spcBef>
                    <a:spcPts val="600"/>
                  </a:spcBef>
                </a:pPr>
                <a14:m>
                  <m:oMath xmlns:m="http://schemas.openxmlformats.org/officeDocument/2006/math">
                    <m:r>
                      <a:rPr lang="en-US" sz="2000" b="1" i="1">
                        <a:solidFill>
                          <a:srgbClr val="7030A0"/>
                        </a:solidFill>
                        <a:latin typeface="Cambria Math" panose="02040503050406030204" pitchFamily="18" charset="0"/>
                      </a:rPr>
                      <m:t>𝒉</m:t>
                    </m:r>
                    <m:d>
                      <m:dPr>
                        <m:ctrlP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</m:d>
                    <m:r>
                      <a:rPr lang="en-US" sz="2000" b="1" i="1" smtClean="0">
                        <a:solidFill>
                          <a:srgbClr val="7030A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= </m:t>
                    </m:r>
                    <m:sSub>
                      <m:sSubPr>
                        <m:ctrlP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0" i="1" smtClean="0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  <m:t>27.</m:t>
                        </m:r>
                        <m: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  <m:t>𝟏</m:t>
                        </m:r>
                      </m:sub>
                    </m:sSub>
                    <m:sSub>
                      <m:sSubPr>
                        <m:ctrlP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  <m:t>  +</m:t>
                        </m:r>
                        <m:r>
                          <a:rPr lang="en-US" sz="2000" b="0" i="1" smtClean="0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  <m:t>1363.</m:t>
                        </m:r>
                        <m:r>
                          <a:rPr lang="en-US" sz="2000" b="1" i="1" smtClean="0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  <m:t> </m:t>
                        </m:r>
                        <m: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  <m:t>𝟐</m:t>
                        </m:r>
                      </m:sub>
                    </m:sSub>
                    <m:sSub>
                      <m:sSubPr>
                        <m:ctrlP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  <m:t>  +</m:t>
                        </m:r>
                        <m:d>
                          <m:dPr>
                            <m:ctrlPr>
                              <a:rPr lang="en-US" sz="2000" i="1" smtClean="0">
                                <a:solidFill>
                                  <a:srgbClr val="7030A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sz="2000" b="0" i="1" smtClean="0">
                                <a:solidFill>
                                  <a:srgbClr val="7030A0"/>
                                </a:solidFill>
                                <a:latin typeface="Cambria Math" panose="02040503050406030204" pitchFamily="18" charset="0"/>
                              </a:rPr>
                              <m:t>−0.005</m:t>
                            </m:r>
                          </m:e>
                        </m:d>
                        <m:r>
                          <a:rPr lang="en-US" sz="2000" b="1" i="1" smtClean="0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  <m:t>.</m:t>
                        </m:r>
                        <m: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000" b="1" i="1">
                            <a:solidFill>
                              <a:srgbClr val="7030A0"/>
                            </a:solidFill>
                            <a:latin typeface="Cambria Math" panose="02040503050406030204" pitchFamily="18" charset="0"/>
                          </a:rPr>
                          <m:t>𝟑</m:t>
                        </m:r>
                      </m:sub>
                    </m:sSub>
                  </m:oMath>
                </a14:m>
                <a:r>
                  <a:rPr lang="en-US" sz="2000" b="1" dirty="0">
                    <a:solidFill>
                      <a:srgbClr val="7030A0"/>
                    </a:solidFill>
                  </a:rPr>
                  <a:t>  </a:t>
                </a:r>
              </a:p>
            </p:txBody>
          </p:sp>
        </mc:Choice>
        <mc:Fallback xmlns="">
          <p:sp>
            <p:nvSpPr>
              <p:cNvPr id="2" name="TextBox 1">
                <a:extLst>
                  <a:ext uri="{FF2B5EF4-FFF2-40B4-BE49-F238E27FC236}">
                    <a16:creationId xmlns:a16="http://schemas.microsoft.com/office/drawing/2014/main" id="{8A78B29F-6DF8-71EA-2CB9-DA1198AEE58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3905126" y="1093461"/>
                <a:ext cx="4534035" cy="766004"/>
              </a:xfrm>
              <a:prstGeom prst="rect">
                <a:avLst/>
              </a:prstGeom>
              <a:blipFill>
                <a:blip r:embed="rId7"/>
                <a:stretch>
                  <a:fillRect l="-215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8180EBAE-E038-0044-F4B3-358A33033A5E}"/>
                  </a:ext>
                </a:extLst>
              </p:cNvPr>
              <p:cNvSpPr txBox="1"/>
              <p:nvPr/>
            </p:nvSpPr>
            <p:spPr bwMode="gray">
              <a:xfrm>
                <a:off x="8790272" y="1164208"/>
                <a:ext cx="3308249" cy="76600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</m:t>
                          </m:r>
                        </m:e>
                        <m:sub>
                          <m:r>
                            <a:rPr lang="en-US" sz="2000" b="0" i="1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</a:rPr>
                        <m:t> −</m:t>
                      </m:r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</a:rPr>
                        <m:t>𝑚𝑜𝑟𝑒</m:t>
                      </m:r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</a:rPr>
                        <m:t> </m:t>
                      </m:r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</a:rPr>
                        <m:t>𝑤𝑒𝑖𝑔h𝑡𝑎𝑔𝑒</m:t>
                      </m:r>
                    </m:oMath>
                  </m:oMathPara>
                </a14:m>
                <a:endParaRPr lang="en-US" sz="2000" dirty="0">
                  <a:solidFill>
                    <a:schemeClr val="tx1"/>
                  </a:solidFill>
                </a:endParaRPr>
              </a:p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</m:ctrlPr>
                        </m:sSubPr>
                        <m:e>
                          <m:r>
                            <a:rPr lang="en-US" sz="200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</m:t>
                          </m:r>
                        </m:e>
                        <m:sub>
                          <m:r>
                            <a:rPr lang="en-US" sz="2000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3</m:t>
                          </m:r>
                        </m:sub>
                      </m:sSub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−</m:t>
                      </m:r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𝑛𝑒𝑎𝑟</m:t>
                      </m:r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 </m:t>
                      </m:r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𝑡𝑜</m:t>
                      </m:r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 </m:t>
                      </m:r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𝑧𝑒𝑟𝑜</m:t>
                      </m:r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 </m:t>
                      </m:r>
                      <m:r>
                        <a:rPr lang="en-US" sz="20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𝑤𝑒𝑖𝑔h𝑡𝑎𝑔𝑒</m:t>
                      </m:r>
                    </m:oMath>
                  </m:oMathPara>
                </a14:m>
                <a:endParaRPr lang="en-US" sz="2000" dirty="0">
                  <a:solidFill>
                    <a:schemeClr val="tx1"/>
                  </a:solidFill>
                  <a:sym typeface="Symbol" panose="05050102010706020507" pitchFamily="18" charset="2"/>
                </a:endParaRPr>
              </a:p>
            </p:txBody>
          </p:sp>
        </mc:Choice>
        <mc:Fallback xmlns="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8180EBAE-E038-0044-F4B3-358A33033A5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8790272" y="1164208"/>
                <a:ext cx="3308249" cy="766004"/>
              </a:xfrm>
              <a:prstGeom prst="rect">
                <a:avLst/>
              </a:prstGeom>
              <a:blipFill>
                <a:blip r:embed="rId8"/>
                <a:stretch>
                  <a:fillRect l="-2762" r="-92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3" name="TextBox 12">
            <a:extLst>
              <a:ext uri="{FF2B5EF4-FFF2-40B4-BE49-F238E27FC236}">
                <a16:creationId xmlns:a16="http://schemas.microsoft.com/office/drawing/2014/main" id="{533F2DB9-2152-D32F-606A-61A5D88F780A}"/>
              </a:ext>
            </a:extLst>
          </p:cNvPr>
          <p:cNvSpPr txBox="1"/>
          <p:nvPr/>
        </p:nvSpPr>
        <p:spPr bwMode="gray">
          <a:xfrm>
            <a:off x="9259701" y="3842321"/>
            <a:ext cx="2537717" cy="2354266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wrap="square" lIns="0" tIns="0" rIns="0" bIns="0" rtlCol="0" anchor="ctr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Scaling ensures equal weightage to all the features. Hence the problem of some features getting ignored can be eliminated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6E9EDFC9-291A-C322-F215-C0E78A71400F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8967900" y="2064271"/>
            <a:ext cx="2952991" cy="13647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5952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" fill="hold">
                      <p:stCondLst>
                        <p:cond delay="indefinite"/>
                      </p:stCondLst>
                      <p:childTnLst>
                        <p:par>
                          <p:cTn id="13" fill="hold">
                            <p:stCondLst>
                              <p:cond delay="0"/>
                            </p:stCondLst>
                            <p:childTnLst>
                              <p:par>
                                <p:cTn id="1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500"/>
                            </p:stCondLst>
                            <p:childTnLst>
                              <p:par>
                                <p:cTn id="18" presetID="10" presetClass="entr" presetSubtype="0" fill="hold" grpId="0" nodeType="after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75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6" fill="hold">
                            <p:stCondLst>
                              <p:cond delay="500"/>
                            </p:stCondLst>
                            <p:childTnLst>
                              <p:par>
                                <p:cTn id="27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0" fill="hold">
                            <p:stCondLst>
                              <p:cond delay="1000"/>
                            </p:stCondLst>
                            <p:childTnLst>
                              <p:par>
                                <p:cTn id="31" presetID="14" presetClass="entr" presetSubtype="1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33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10" grpId="0"/>
      <p:bldP spid="2" grpId="0"/>
      <p:bldP spid="12" grpId="0"/>
      <p:bldP spid="13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8F0FD326-83BC-4F47-EADB-AC379E104681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Box 4">
            <a:extLst>
              <a:ext uri="{FF2B5EF4-FFF2-40B4-BE49-F238E27FC236}">
                <a16:creationId xmlns:a16="http://schemas.microsoft.com/office/drawing/2014/main" id="{13E2A397-14C0-48AF-06BB-588DA8E89C71}"/>
              </a:ext>
            </a:extLst>
          </p:cNvPr>
          <p:cNvSpPr txBox="1"/>
          <p:nvPr/>
        </p:nvSpPr>
        <p:spPr bwMode="gray">
          <a:xfrm>
            <a:off x="595087" y="1063583"/>
            <a:ext cx="3887233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chemeClr val="bg2"/>
                </a:solidFill>
                <a:latin typeface="Bahnschrift SemiCondensed" panose="020B0502040204020203" pitchFamily="34" charset="0"/>
              </a:rPr>
              <a:t>Data Split - Why needed?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B31B0A9-80A3-4575-5485-4B414D609A04}"/>
              </a:ext>
            </a:extLst>
          </p:cNvPr>
          <p:cNvSpPr txBox="1"/>
          <p:nvPr/>
        </p:nvSpPr>
        <p:spPr bwMode="gray">
          <a:xfrm>
            <a:off x="2249282" y="1583094"/>
            <a:ext cx="3179146" cy="5850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Scaled Data (Normalized)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6203CAE-5984-8AA0-F86B-E70B9A7DEC8A}"/>
              </a:ext>
            </a:extLst>
          </p:cNvPr>
          <p:cNvSpPr txBox="1"/>
          <p:nvPr/>
        </p:nvSpPr>
        <p:spPr bwMode="gray">
          <a:xfrm>
            <a:off x="584201" y="228966"/>
            <a:ext cx="8080828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Train-Validation-Test</a:t>
            </a:r>
            <a:endParaRPr lang="en-US" sz="3000" b="1" dirty="0">
              <a:solidFill>
                <a:srgbClr val="0070C0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A35205F8-E741-2DCB-E16D-D9C840E5459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69325095"/>
              </p:ext>
            </p:extLst>
          </p:nvPr>
        </p:nvGraphicFramePr>
        <p:xfrm>
          <a:off x="1940443" y="2019007"/>
          <a:ext cx="3605892" cy="4196445"/>
        </p:xfrm>
        <a:graphic>
          <a:graphicData uri="http://schemas.openxmlformats.org/drawingml/2006/table">
            <a:tbl>
              <a:tblPr>
                <a:tableStyleId>{773F8A54-F971-430D-9108-034FE38666EA}</a:tableStyleId>
              </a:tblPr>
              <a:tblGrid>
                <a:gridCol w="1201964">
                  <a:extLst>
                    <a:ext uri="{9D8B030D-6E8A-4147-A177-3AD203B41FA5}">
                      <a16:colId xmlns:a16="http://schemas.microsoft.com/office/drawing/2014/main" val="789185482"/>
                    </a:ext>
                  </a:extLst>
                </a:gridCol>
                <a:gridCol w="1201964">
                  <a:extLst>
                    <a:ext uri="{9D8B030D-6E8A-4147-A177-3AD203B41FA5}">
                      <a16:colId xmlns:a16="http://schemas.microsoft.com/office/drawing/2014/main" val="679345863"/>
                    </a:ext>
                  </a:extLst>
                </a:gridCol>
                <a:gridCol w="1201964">
                  <a:extLst>
                    <a:ext uri="{9D8B030D-6E8A-4147-A177-3AD203B41FA5}">
                      <a16:colId xmlns:a16="http://schemas.microsoft.com/office/drawing/2014/main" val="969737373"/>
                    </a:ext>
                  </a:extLst>
                </a:gridCol>
              </a:tblGrid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eature 1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eature 2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eature 3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89329122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8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91677973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6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382352873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82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32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5889902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9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8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54374234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8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241462016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8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12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3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6087842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58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987871051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9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5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7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46074430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7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16527372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8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21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3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50910894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16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0234073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7319571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14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79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59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02842552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17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40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64425211"/>
                  </a:ext>
                </a:extLst>
              </a:tr>
            </a:tbl>
          </a:graphicData>
        </a:graphic>
      </p:graphicFrame>
      <p:graphicFrame>
        <p:nvGraphicFramePr>
          <p:cNvPr id="2" name="Diagram 1">
            <a:extLst>
              <a:ext uri="{FF2B5EF4-FFF2-40B4-BE49-F238E27FC236}">
                <a16:creationId xmlns:a16="http://schemas.microsoft.com/office/drawing/2014/main" id="{7254042A-A7A2-C8BB-3EE2-F05E3A07CF9A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169520320"/>
              </p:ext>
            </p:extLst>
          </p:nvPr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12" name="Right Brace 11">
            <a:extLst>
              <a:ext uri="{FF2B5EF4-FFF2-40B4-BE49-F238E27FC236}">
                <a16:creationId xmlns:a16="http://schemas.microsoft.com/office/drawing/2014/main" id="{6E1E9A67-1F9F-44D4-F4B3-7C357FC01AE0}"/>
              </a:ext>
            </a:extLst>
          </p:cNvPr>
          <p:cNvSpPr/>
          <p:nvPr/>
        </p:nvSpPr>
        <p:spPr bwMode="gray">
          <a:xfrm>
            <a:off x="5858995" y="2289215"/>
            <a:ext cx="534256" cy="2774015"/>
          </a:xfrm>
          <a:prstGeom prst="rightBrace">
            <a:avLst>
              <a:gd name="adj1" fmla="val 8333"/>
              <a:gd name="adj2" fmla="val 48288"/>
            </a:avLst>
          </a:prstGeom>
          <a:ln w="4445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>
              <a:solidFill>
                <a:srgbClr val="00B050"/>
              </a:solidFill>
              <a:highlight>
                <a:srgbClr val="008000"/>
              </a:highlight>
            </a:endParaRPr>
          </a:p>
        </p:txBody>
      </p:sp>
      <p:sp>
        <p:nvSpPr>
          <p:cNvPr id="13" name="Right Brace 12">
            <a:extLst>
              <a:ext uri="{FF2B5EF4-FFF2-40B4-BE49-F238E27FC236}">
                <a16:creationId xmlns:a16="http://schemas.microsoft.com/office/drawing/2014/main" id="{5F73404C-600C-E069-9C9D-16A0C7BA7B98}"/>
              </a:ext>
            </a:extLst>
          </p:cNvPr>
          <p:cNvSpPr/>
          <p:nvPr/>
        </p:nvSpPr>
        <p:spPr bwMode="gray">
          <a:xfrm>
            <a:off x="5852146" y="5173831"/>
            <a:ext cx="534256" cy="1010799"/>
          </a:xfrm>
          <a:prstGeom prst="rightBrace">
            <a:avLst>
              <a:gd name="adj1" fmla="val 8333"/>
              <a:gd name="adj2" fmla="val 48288"/>
            </a:avLst>
          </a:prstGeom>
          <a:ln w="44450"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>
              <a:solidFill>
                <a:srgbClr val="C00000"/>
              </a:solidFill>
              <a:highlight>
                <a:srgbClr val="008000"/>
              </a:highlight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0340A6F1-8736-615D-B41E-BDC0B4891011}"/>
              </a:ext>
            </a:extLst>
          </p:cNvPr>
          <p:cNvSpPr txBox="1"/>
          <p:nvPr/>
        </p:nvSpPr>
        <p:spPr bwMode="gray">
          <a:xfrm>
            <a:off x="6590176" y="3388546"/>
            <a:ext cx="2619910" cy="57535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rgbClr val="00B05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raining Set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762E30FE-0668-5EBD-7B85-0DADC6F20369}"/>
              </a:ext>
            </a:extLst>
          </p:cNvPr>
          <p:cNvSpPr txBox="1"/>
          <p:nvPr/>
        </p:nvSpPr>
        <p:spPr bwMode="gray">
          <a:xfrm>
            <a:off x="6597025" y="5412147"/>
            <a:ext cx="2619910" cy="57535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rgbClr val="C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st Set</a:t>
            </a:r>
          </a:p>
        </p:txBody>
      </p:sp>
      <p:sp>
        <p:nvSpPr>
          <p:cNvPr id="16" name="Right Brace 15">
            <a:extLst>
              <a:ext uri="{FF2B5EF4-FFF2-40B4-BE49-F238E27FC236}">
                <a16:creationId xmlns:a16="http://schemas.microsoft.com/office/drawing/2014/main" id="{66DC49BA-8561-51B4-4B60-9A5996C68EBC}"/>
              </a:ext>
            </a:extLst>
          </p:cNvPr>
          <p:cNvSpPr/>
          <p:nvPr/>
        </p:nvSpPr>
        <p:spPr bwMode="gray">
          <a:xfrm>
            <a:off x="6189481" y="4103196"/>
            <a:ext cx="534256" cy="1010799"/>
          </a:xfrm>
          <a:prstGeom prst="rightBrace">
            <a:avLst>
              <a:gd name="adj1" fmla="val 8333"/>
              <a:gd name="adj2" fmla="val 48288"/>
            </a:avLst>
          </a:prstGeom>
          <a:ln w="4445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>
              <a:solidFill>
                <a:srgbClr val="00B050"/>
              </a:solidFill>
              <a:highlight>
                <a:srgbClr val="008000"/>
              </a:highlight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C8E4755F-D2D4-FAD0-D8DD-7F3AA5A98C18}"/>
              </a:ext>
            </a:extLst>
          </p:cNvPr>
          <p:cNvSpPr txBox="1"/>
          <p:nvPr/>
        </p:nvSpPr>
        <p:spPr bwMode="gray">
          <a:xfrm>
            <a:off x="6934360" y="4351786"/>
            <a:ext cx="2619910" cy="57535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rgbClr val="00B05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alidation Set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C6AEA31F-2805-76D4-9754-E2167FE477BB}"/>
              </a:ext>
            </a:extLst>
          </p:cNvPr>
          <p:cNvSpPr txBox="1"/>
          <p:nvPr/>
        </p:nvSpPr>
        <p:spPr bwMode="gray">
          <a:xfrm>
            <a:off x="8706125" y="3387933"/>
            <a:ext cx="1007173" cy="57535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rgbClr val="7030A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70%)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9D96810-2F2E-87B6-2727-A9A19BB4849A}"/>
              </a:ext>
            </a:extLst>
          </p:cNvPr>
          <p:cNvSpPr txBox="1"/>
          <p:nvPr/>
        </p:nvSpPr>
        <p:spPr bwMode="gray">
          <a:xfrm>
            <a:off x="8016044" y="5391554"/>
            <a:ext cx="1007173" cy="57535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rgbClr val="7030A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30%)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46582B5E-2272-3341-5BBF-0ECE97110591}"/>
              </a:ext>
            </a:extLst>
          </p:cNvPr>
          <p:cNvSpPr txBox="1"/>
          <p:nvPr/>
        </p:nvSpPr>
        <p:spPr bwMode="gray">
          <a:xfrm>
            <a:off x="9244384" y="4351786"/>
            <a:ext cx="2488704" cy="57535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rgbClr val="7030A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20% of 70%)</a:t>
            </a:r>
          </a:p>
        </p:txBody>
      </p:sp>
    </p:spTree>
    <p:extLst>
      <p:ext uri="{BB962C8B-B14F-4D97-AF65-F5344CB8AC3E}">
        <p14:creationId xmlns:p14="http://schemas.microsoft.com/office/powerpoint/2010/main" val="7348902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4" presetClass="entr" presetSubtype="1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15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4" presetClass="entr" presetSubtype="1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18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4" presetClass="entr" presetSubtype="1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23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14" presetClass="entr" presetSubtype="1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26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4" presetClass="entr" presetSubtype="1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31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14" presetClass="entr" presetSubtype="1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34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14" presetClass="entr" presetSubtype="1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37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8" presetID="14" presetClass="entr" presetSubtype="1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40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1" presetID="14" presetClass="entr" presetSubtype="1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43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12" grpId="0" animBg="1"/>
      <p:bldP spid="13" grpId="0" animBg="1"/>
      <p:bldP spid="14" grpId="0"/>
      <p:bldP spid="15" grpId="0"/>
      <p:bldP spid="16" grpId="0" animBg="1"/>
      <p:bldP spid="17" grpId="0"/>
      <p:bldP spid="18" grpId="0"/>
      <p:bldP spid="19" grpId="0"/>
      <p:bldP spid="20" grpId="0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A51752B5-B662-4EBC-A24B-A1600EC116A4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187BEB43-C215-E966-CCEB-F3FDC2F80C2A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18507290"/>
              </p:ext>
            </p:extLst>
          </p:nvPr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00B53052-B705-23D1-55AC-18B0D285B20E}"/>
              </a:ext>
            </a:extLst>
          </p:cNvPr>
          <p:cNvSpPr txBox="1"/>
          <p:nvPr/>
        </p:nvSpPr>
        <p:spPr bwMode="gray">
          <a:xfrm>
            <a:off x="584201" y="1063583"/>
            <a:ext cx="5838370" cy="5039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chemeClr val="bg2"/>
                </a:solidFill>
                <a:latin typeface="Bahnschrift SemiCondensed" panose="020B0502040204020203" pitchFamily="34" charset="0"/>
              </a:rPr>
              <a:t>ML Hypothesis (Cost Function)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3DD631E-FF87-CF84-4863-561057D0580E}"/>
              </a:ext>
            </a:extLst>
          </p:cNvPr>
          <p:cNvSpPr txBox="1"/>
          <p:nvPr/>
        </p:nvSpPr>
        <p:spPr bwMode="gray">
          <a:xfrm>
            <a:off x="584201" y="228966"/>
            <a:ext cx="5152570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Regression ML</a:t>
            </a:r>
            <a:endParaRPr lang="en-US" sz="3000" b="1" dirty="0">
              <a:solidFill>
                <a:srgbClr val="0070C0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E4EE73D6-B0C5-2879-3FD7-01C5F44406F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73599" y="3094863"/>
            <a:ext cx="6158061" cy="3696351"/>
          </a:xfrm>
          <a:prstGeom prst="rect">
            <a:avLst/>
          </a:prstGeom>
        </p:spPr>
      </p:pic>
      <p:graphicFrame>
        <p:nvGraphicFramePr>
          <p:cNvPr id="19" name="Table 18">
            <a:extLst>
              <a:ext uri="{FF2B5EF4-FFF2-40B4-BE49-F238E27FC236}">
                <a16:creationId xmlns:a16="http://schemas.microsoft.com/office/drawing/2014/main" id="{0FC7A075-CB97-7911-6EC2-2588C0E86FE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8386191"/>
              </p:ext>
            </p:extLst>
          </p:nvPr>
        </p:nvGraphicFramePr>
        <p:xfrm>
          <a:off x="592627" y="2128997"/>
          <a:ext cx="5616038" cy="869769"/>
        </p:xfrm>
        <a:graphic>
          <a:graphicData uri="http://schemas.openxmlformats.org/drawingml/2006/table">
            <a:tbl>
              <a:tblPr>
                <a:tableStyleId>{773F8A54-F971-430D-9108-034FE38666EA}</a:tableStyleId>
              </a:tblPr>
              <a:tblGrid>
                <a:gridCol w="1165397">
                  <a:extLst>
                    <a:ext uri="{9D8B030D-6E8A-4147-A177-3AD203B41FA5}">
                      <a16:colId xmlns:a16="http://schemas.microsoft.com/office/drawing/2014/main" val="2059954073"/>
                    </a:ext>
                  </a:extLst>
                </a:gridCol>
                <a:gridCol w="1349211">
                  <a:extLst>
                    <a:ext uri="{9D8B030D-6E8A-4147-A177-3AD203B41FA5}">
                      <a16:colId xmlns:a16="http://schemas.microsoft.com/office/drawing/2014/main" val="2048984370"/>
                    </a:ext>
                  </a:extLst>
                </a:gridCol>
                <a:gridCol w="1628105">
                  <a:extLst>
                    <a:ext uri="{9D8B030D-6E8A-4147-A177-3AD203B41FA5}">
                      <a16:colId xmlns:a16="http://schemas.microsoft.com/office/drawing/2014/main" val="4050730343"/>
                    </a:ext>
                  </a:extLst>
                </a:gridCol>
                <a:gridCol w="1473325">
                  <a:extLst>
                    <a:ext uri="{9D8B030D-6E8A-4147-A177-3AD203B41FA5}">
                      <a16:colId xmlns:a16="http://schemas.microsoft.com/office/drawing/2014/main" val="1425079902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Temp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angle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Pressure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RPM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9994860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7</a:t>
                      </a:r>
                      <a:endParaRPr lang="en-US" sz="18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-0.005</a:t>
                      </a:r>
                      <a:endParaRPr lang="en-US" sz="18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51</a:t>
                      </a:r>
                      <a:endParaRPr lang="en-US" sz="18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63</a:t>
                      </a:r>
                      <a:endParaRPr lang="en-US" sz="18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445906278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6</a:t>
                      </a:r>
                      <a:endParaRPr lang="en-US" sz="18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0.015</a:t>
                      </a:r>
                      <a:endParaRPr lang="en-US" sz="18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42</a:t>
                      </a:r>
                      <a:endParaRPr lang="en-US" sz="18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u="none" strike="noStrike" dirty="0">
                          <a:solidFill>
                            <a:schemeClr val="bg1">
                              <a:lumMod val="65000"/>
                            </a:schemeClr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03</a:t>
                      </a:r>
                      <a:endParaRPr lang="en-US" sz="1800" b="0" i="0" u="none" strike="noStrike" dirty="0">
                        <a:solidFill>
                          <a:schemeClr val="bg1">
                            <a:lumMod val="65000"/>
                          </a:schemeClr>
                        </a:solidFill>
                        <a:effectLst/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7961276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A283BDF3-FA19-3D64-1D74-E711D8E27078}"/>
                  </a:ext>
                </a:extLst>
              </p:cNvPr>
              <p:cNvSpPr txBox="1"/>
              <p:nvPr/>
            </p:nvSpPr>
            <p:spPr bwMode="gray">
              <a:xfrm>
                <a:off x="1091412" y="1552817"/>
                <a:ext cx="4266956" cy="503945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800" b="1" i="1" smtClean="0">
                              <a:solidFill>
                                <a:schemeClr val="accent4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1" i="1" smtClean="0">
                              <a:solidFill>
                                <a:schemeClr val="accent4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𝒙</m:t>
                          </m:r>
                        </m:e>
                        <m:sub>
                          <m:r>
                            <a:rPr lang="en-US" sz="2800" b="1" i="1" smtClean="0">
                              <a:solidFill>
                                <a:schemeClr val="accent4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  <m:sSub>
                        <m:sSubPr>
                          <m:ctrlPr>
                            <a:rPr lang="en-US" sz="2800" b="1" i="1">
                              <a:solidFill>
                                <a:schemeClr val="accent4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1" i="1" smtClean="0">
                              <a:solidFill>
                                <a:schemeClr val="accent4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  <m:t>            </m:t>
                          </m:r>
                          <m:r>
                            <a:rPr lang="en-US" sz="2800" b="1" i="1" smtClean="0">
                              <a:solidFill>
                                <a:schemeClr val="accent4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𝒙</m:t>
                          </m:r>
                        </m:e>
                        <m:sub>
                          <m:r>
                            <a:rPr lang="en-US" sz="2800" b="1" i="1" smtClean="0">
                              <a:solidFill>
                                <a:schemeClr val="accent4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  <m:t>𝟐</m:t>
                          </m:r>
                        </m:sub>
                      </m:sSub>
                      <m:sSub>
                        <m:sSubPr>
                          <m:ctrlPr>
                            <a:rPr lang="en-US" sz="2800" b="1" i="1">
                              <a:solidFill>
                                <a:schemeClr val="accent4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1" i="1" smtClean="0">
                              <a:solidFill>
                                <a:schemeClr val="accent4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  <m:t>              </m:t>
                          </m:r>
                          <m:r>
                            <a:rPr lang="en-US" sz="2800" b="1" i="1" smtClean="0">
                              <a:solidFill>
                                <a:schemeClr val="accent4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𝒙</m:t>
                          </m:r>
                        </m:e>
                        <m:sub>
                          <m:r>
                            <a:rPr lang="en-US" sz="2800" b="1" i="1" smtClean="0">
                              <a:solidFill>
                                <a:schemeClr val="accent4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  <m:t>𝟑</m:t>
                          </m:r>
                        </m:sub>
                      </m:sSub>
                      <m:r>
                        <a:rPr lang="en-US" sz="2800" b="1" i="1" smtClean="0">
                          <a:solidFill>
                            <a:schemeClr val="accent4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</a:rPr>
                        <m:t>          </m:t>
                      </m:r>
                      <m:r>
                        <a:rPr lang="en-US" sz="2800" b="1" i="1" smtClean="0">
                          <a:solidFill>
                            <a:schemeClr val="accent4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</a:rPr>
                        <m:t>𝒀</m:t>
                      </m:r>
                      <m:r>
                        <a:rPr lang="en-US" sz="2800" b="1" i="1" smtClean="0">
                          <a:solidFill>
                            <a:schemeClr val="accent4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lang="en-US" sz="2800" b="1" dirty="0">
                  <a:solidFill>
                    <a:schemeClr val="accent4">
                      <a:lumMod val="75000"/>
                    </a:schemeClr>
                  </a:solidFill>
                </a:endParaRPr>
              </a:p>
            </p:txBody>
          </p:sp>
        </mc:Choice>
        <mc:Fallback xmlns="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A283BDF3-FA19-3D64-1D74-E711D8E2707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091412" y="1552817"/>
                <a:ext cx="4266956" cy="503945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42963076-866B-18E0-77D9-AE952D6E8F44}"/>
                  </a:ext>
                </a:extLst>
              </p:cNvPr>
              <p:cNvSpPr txBox="1"/>
              <p:nvPr/>
            </p:nvSpPr>
            <p:spPr bwMode="gray">
              <a:xfrm>
                <a:off x="682517" y="1597370"/>
                <a:ext cx="5616037" cy="57401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8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𝟏</m:t>
                        </m:r>
                      </m:sub>
                    </m:sSub>
                    <m:sSub>
                      <m:sSubPr>
                        <m:ctrlPr>
                          <a:rPr lang="en-US" sz="28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      +  </m:t>
                        </m:r>
                        <m:r>
                          <a:rPr lang="en-US" sz="28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8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𝟐</m:t>
                        </m:r>
                      </m:sub>
                    </m:sSub>
                    <m:sSub>
                      <m:sSubPr>
                        <m:ctrlPr>
                          <a:rPr lang="en-US" sz="28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        </m:t>
                        </m:r>
                        <m:r>
                          <a:rPr lang="en-US" sz="28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a:rPr lang="en-US" sz="28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   </m:t>
                        </m:r>
                        <m:r>
                          <a:rPr lang="en-US" sz="28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8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𝟑</m:t>
                        </m:r>
                      </m:sub>
                    </m:sSub>
                  </m:oMath>
                </a14:m>
                <a:r>
                  <a:rPr lang="en-US" sz="2800" b="1" dirty="0">
                    <a:solidFill>
                      <a:srgbClr val="0070C0"/>
                    </a:solidFill>
                  </a:rPr>
                  <a:t>       =        (</a:t>
                </a:r>
                <a14:m>
                  <m:oMath xmlns:m="http://schemas.openxmlformats.org/officeDocument/2006/math">
                    <m:r>
                      <a:rPr lang="en-US" sz="2800" b="1" i="1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𝒉</m:t>
                    </m:r>
                    <m:r>
                      <a:rPr lang="en-US" sz="2800" b="1" i="1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()</m:t>
                    </m:r>
                  </m:oMath>
                </a14:m>
                <a:r>
                  <a:rPr lang="en-US" sz="2800" b="1" dirty="0">
                    <a:solidFill>
                      <a:srgbClr val="0070C0"/>
                    </a:solidFill>
                  </a:rPr>
                  <a:t>)</a:t>
                </a:r>
              </a:p>
              <a:p>
                <a:pPr algn="l">
                  <a:spcBef>
                    <a:spcPts val="600"/>
                  </a:spcBef>
                </a:pPr>
                <a:endParaRPr lang="en-US" sz="2800" b="1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42963076-866B-18E0-77D9-AE952D6E8F4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82517" y="1597370"/>
                <a:ext cx="5616037" cy="574019"/>
              </a:xfrm>
              <a:prstGeom prst="rect">
                <a:avLst/>
              </a:prstGeom>
              <a:blipFill>
                <a:blip r:embed="rId9"/>
                <a:stretch>
                  <a:fillRect t="-19149" r="-2714" b="-12766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3" name="TextBox 22">
            <a:extLst>
              <a:ext uri="{FF2B5EF4-FFF2-40B4-BE49-F238E27FC236}">
                <a16:creationId xmlns:a16="http://schemas.microsoft.com/office/drawing/2014/main" id="{89341BBE-D407-7561-741A-5630157E5E8A}"/>
              </a:ext>
            </a:extLst>
          </p:cNvPr>
          <p:cNvSpPr txBox="1"/>
          <p:nvPr/>
        </p:nvSpPr>
        <p:spPr bwMode="gray">
          <a:xfrm>
            <a:off x="5630183" y="1458879"/>
            <a:ext cx="792388" cy="57402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>
              <a:spcBef>
                <a:spcPts val="600"/>
              </a:spcBef>
            </a:pPr>
            <a:endParaRPr lang="en-US" sz="3200" b="1" dirty="0">
              <a:solidFill>
                <a:srgbClr val="0070C0"/>
              </a:solidFill>
            </a:endParaRPr>
          </a:p>
        </p:txBody>
      </p: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3FC19B89-7CF9-9F03-DBE0-B0225D20865A}"/>
              </a:ext>
            </a:extLst>
          </p:cNvPr>
          <p:cNvCxnSpPr>
            <a:cxnSpLocks/>
          </p:cNvCxnSpPr>
          <p:nvPr/>
        </p:nvCxnSpPr>
        <p:spPr bwMode="gray">
          <a:xfrm>
            <a:off x="768927" y="6405131"/>
            <a:ext cx="5179810" cy="0"/>
          </a:xfrm>
          <a:prstGeom prst="line">
            <a:avLst/>
          </a:prstGeom>
          <a:ln w="381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8B283BF3-CCD2-C493-6726-68F438D11FE0}"/>
              </a:ext>
            </a:extLst>
          </p:cNvPr>
          <p:cNvSpPr txBox="1"/>
          <p:nvPr/>
        </p:nvSpPr>
        <p:spPr bwMode="gray">
          <a:xfrm>
            <a:off x="4876906" y="1174250"/>
            <a:ext cx="7228007" cy="46551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000" dirty="0">
                <a:solidFill>
                  <a:schemeClr val="accent1">
                    <a:lumMod val="50000"/>
                    <a:lumOff val="50000"/>
                  </a:schemeClr>
                </a:solidFill>
                <a:latin typeface="Bahnschrift SemiCondensed" panose="020B0502040204020203" pitchFamily="34" charset="0"/>
              </a:rPr>
              <a:t>Ex. Task: Given Temp, Angle and pressure,  predict the rpm of the motor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8" name="TextBox 27">
                <a:extLst>
                  <a:ext uri="{FF2B5EF4-FFF2-40B4-BE49-F238E27FC236}">
                    <a16:creationId xmlns:a16="http://schemas.microsoft.com/office/drawing/2014/main" id="{4515BBE2-E621-7F6E-5DC5-185EA7A54CCE}"/>
                  </a:ext>
                </a:extLst>
              </p:cNvPr>
              <p:cNvSpPr txBox="1"/>
              <p:nvPr/>
            </p:nvSpPr>
            <p:spPr bwMode="gray">
              <a:xfrm>
                <a:off x="7134097" y="1639762"/>
                <a:ext cx="4259289" cy="86976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2400" b="1" i="1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400" b="1" i="1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  <a:sym typeface="Symbol" panose="05050102010706020507" pitchFamily="18" charset="2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400" b="1" i="1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</a:rPr>
                              <m:t>𝟏</m:t>
                            </m:r>
                          </m:sub>
                        </m:sSub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𝟏</m:t>
                        </m:r>
                      </m:sub>
                    </m:sSub>
                    <m:sSub>
                      <m:sSubPr>
                        <m:ctrlP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  +</m:t>
                        </m:r>
                        <m:sSub>
                          <m:sSubPr>
                            <m:ctrlPr>
                              <a:rPr lang="en-US" sz="2400" b="1" i="1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400" b="1" i="1" smtClean="0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</a:rPr>
                              <m:t>  </m:t>
                            </m:r>
                            <m:r>
                              <a:rPr lang="en-US" sz="2400" b="1" i="1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  <a:sym typeface="Symbol" panose="05050102010706020507" pitchFamily="18" charset="2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400" b="1" i="1" smtClean="0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</a:rPr>
                              <m:t>𝟐</m:t>
                            </m:r>
                          </m:sub>
                        </m:sSub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𝟐</m:t>
                        </m:r>
                      </m:sub>
                    </m:sSub>
                    <m:sSub>
                      <m:sSubPr>
                        <m:ctrlP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  </m:t>
                        </m:r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+</m:t>
                        </m:r>
                        <m:sSub>
                          <m:sSubPr>
                            <m:ctrlPr>
                              <a:rPr lang="en-US" sz="2400" b="1" i="1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400" b="1" i="1" smtClean="0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</a:rPr>
                              <m:t> </m:t>
                            </m:r>
                            <m:r>
                              <a:rPr lang="en-US" sz="2400" b="1" i="1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  <a:sym typeface="Symbol" panose="05050102010706020507" pitchFamily="18" charset="2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400" b="1" i="1" smtClean="0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</a:rPr>
                              <m:t>𝟑</m:t>
                            </m:r>
                          </m:sub>
                        </m:sSub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𝟑</m:t>
                        </m:r>
                      </m:sub>
                    </m:sSub>
                  </m:oMath>
                </a14:m>
                <a:r>
                  <a:rPr lang="en-US" sz="2400" b="1" dirty="0">
                    <a:solidFill>
                      <a:srgbClr val="0070C0"/>
                    </a:solidFill>
                  </a:rPr>
                  <a:t>  =   </a:t>
                </a:r>
                <a14:m>
                  <m:oMath xmlns:m="http://schemas.openxmlformats.org/officeDocument/2006/math">
                    <m:r>
                      <a:rPr lang="en-US" sz="2400" b="1" i="1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𝒉</m:t>
                    </m:r>
                    <m:d>
                      <m:dPr>
                        <m:ctrlP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</m:d>
                  </m:oMath>
                </a14:m>
                <a:endParaRPr lang="en-US" sz="2400" b="1" dirty="0">
                  <a:solidFill>
                    <a:srgbClr val="0070C0"/>
                  </a:solidFill>
                </a:endParaRPr>
              </a:p>
              <a:p>
                <a:pPr>
                  <a:spcBef>
                    <a:spcPts val="60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4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 </m:t>
                        </m:r>
                        <m:r>
                          <a:rPr lang="en-US" sz="2400" b="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𝑥</m:t>
                        </m:r>
                      </m:e>
                      <m:sub>
                        <m:r>
                          <a:rPr lang="en-US" sz="2400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1</m:t>
                        </m:r>
                      </m:sub>
                    </m:sSub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.0</m:t>
                    </m:r>
                    <m:r>
                      <a:rPr lang="en-US" sz="2400" b="0" i="1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US" sz="2400" dirty="0">
                    <a:solidFill>
                      <a:srgbClr val="0070C0"/>
                    </a:solidFill>
                  </a:rPr>
                  <a:t>+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4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  </m:t>
                        </m:r>
                        <m:r>
                          <a:rPr lang="en-US" sz="2400" b="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𝑥</m:t>
                        </m:r>
                      </m:e>
                      <m:sub>
                        <m:r>
                          <a:rPr lang="en-US" sz="2400" b="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</m:sSub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.0</m:t>
                    </m:r>
                    <m:r>
                      <a:rPr lang="en-US" sz="2400" b="0" i="1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US" sz="2400" dirty="0">
                    <a:solidFill>
                      <a:srgbClr val="0070C0"/>
                    </a:solidFill>
                  </a:rPr>
                  <a:t>+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4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  </m:t>
                        </m:r>
                        <m:r>
                          <a:rPr lang="en-US" sz="2400" b="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𝑥</m:t>
                        </m:r>
                      </m:e>
                      <m:sub>
                        <m:r>
                          <a:rPr lang="en-US" sz="2400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3</m:t>
                        </m:r>
                      </m:sub>
                    </m:sSub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.0</m:t>
                    </m:r>
                    <m:r>
                      <a:rPr lang="en-US" sz="2400" b="0" i="1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US" sz="2400" dirty="0">
                    <a:solidFill>
                      <a:srgbClr val="0070C0"/>
                    </a:solidFill>
                  </a:rPr>
                  <a:t> =   </a:t>
                </a:r>
                <a14:m>
                  <m:oMath xmlns:m="http://schemas.openxmlformats.org/officeDocument/2006/math">
                    <m:r>
                      <a:rPr lang="en-US" sz="2400" b="0" i="1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h</m:t>
                    </m:r>
                    <m:d>
                      <m:dPr>
                        <m:ctrlPr>
                          <a:rPr lang="en-US" sz="24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sz="2400" b="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</m:d>
                  </m:oMath>
                </a14:m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28" name="TextBox 27">
                <a:extLst>
                  <a:ext uri="{FF2B5EF4-FFF2-40B4-BE49-F238E27FC236}">
                    <a16:creationId xmlns:a16="http://schemas.microsoft.com/office/drawing/2014/main" id="{4515BBE2-E621-7F6E-5DC5-185EA7A54CC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134097" y="1639762"/>
                <a:ext cx="4259289" cy="869769"/>
              </a:xfrm>
              <a:prstGeom prst="rect">
                <a:avLst/>
              </a:prstGeom>
              <a:blipFill>
                <a:blip r:embed="rId10"/>
                <a:stretch>
                  <a:fillRect l="-1860" t="-11189" b="-1328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C682FF4F-A762-3B75-77C0-3E061CFB63ED}"/>
              </a:ext>
            </a:extLst>
          </p:cNvPr>
          <p:cNvCxnSpPr>
            <a:cxnSpLocks/>
          </p:cNvCxnSpPr>
          <p:nvPr/>
        </p:nvCxnSpPr>
        <p:spPr bwMode="gray">
          <a:xfrm>
            <a:off x="1611330" y="6010382"/>
            <a:ext cx="0" cy="369509"/>
          </a:xfrm>
          <a:prstGeom prst="line">
            <a:avLst/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13F555A5-823B-B457-C478-E2F36846EDD2}"/>
              </a:ext>
            </a:extLst>
          </p:cNvPr>
          <p:cNvCxnSpPr>
            <a:cxnSpLocks/>
          </p:cNvCxnSpPr>
          <p:nvPr/>
        </p:nvCxnSpPr>
        <p:spPr bwMode="gray">
          <a:xfrm>
            <a:off x="2400728" y="4960706"/>
            <a:ext cx="0" cy="1444425"/>
          </a:xfrm>
          <a:prstGeom prst="line">
            <a:avLst/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E226BAE5-AEAE-4721-53EF-4F9B62C5BA1C}"/>
              </a:ext>
            </a:extLst>
          </p:cNvPr>
          <p:cNvCxnSpPr>
            <a:cxnSpLocks/>
          </p:cNvCxnSpPr>
          <p:nvPr/>
        </p:nvCxnSpPr>
        <p:spPr bwMode="gray">
          <a:xfrm>
            <a:off x="4001785" y="4960706"/>
            <a:ext cx="0" cy="1444425"/>
          </a:xfrm>
          <a:prstGeom prst="line">
            <a:avLst/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4B5D4642-B4BC-9B79-D42C-9EEEF35E7443}"/>
              </a:ext>
            </a:extLst>
          </p:cNvPr>
          <p:cNvCxnSpPr>
            <a:cxnSpLocks/>
          </p:cNvCxnSpPr>
          <p:nvPr/>
        </p:nvCxnSpPr>
        <p:spPr bwMode="gray">
          <a:xfrm>
            <a:off x="4801457" y="4065142"/>
            <a:ext cx="0" cy="2314749"/>
          </a:xfrm>
          <a:prstGeom prst="line">
            <a:avLst/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5A1A40DF-572E-972D-9BB9-E38F3C9F9B3E}"/>
              </a:ext>
            </a:extLst>
          </p:cNvPr>
          <p:cNvCxnSpPr>
            <a:cxnSpLocks/>
          </p:cNvCxnSpPr>
          <p:nvPr/>
        </p:nvCxnSpPr>
        <p:spPr bwMode="gray">
          <a:xfrm>
            <a:off x="5599361" y="3960688"/>
            <a:ext cx="0" cy="2419203"/>
          </a:xfrm>
          <a:prstGeom prst="line">
            <a:avLst/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3AEA6926-B101-29B1-ACF0-98F231B2048B}"/>
              </a:ext>
            </a:extLst>
          </p:cNvPr>
          <p:cNvCxnSpPr>
            <a:cxnSpLocks/>
          </p:cNvCxnSpPr>
          <p:nvPr/>
        </p:nvCxnSpPr>
        <p:spPr bwMode="gray">
          <a:xfrm>
            <a:off x="3193496" y="5630238"/>
            <a:ext cx="0" cy="785167"/>
          </a:xfrm>
          <a:prstGeom prst="line">
            <a:avLst/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E3A1923C-FE98-24A9-4B78-70749744251E}"/>
              </a:ext>
            </a:extLst>
          </p:cNvPr>
          <p:cNvCxnSpPr>
            <a:cxnSpLocks/>
          </p:cNvCxnSpPr>
          <p:nvPr/>
        </p:nvCxnSpPr>
        <p:spPr bwMode="gray">
          <a:xfrm flipV="1">
            <a:off x="768927" y="3626490"/>
            <a:ext cx="5179810" cy="2788915"/>
          </a:xfrm>
          <a:prstGeom prst="line">
            <a:avLst/>
          </a:prstGeom>
          <a:ln w="38100">
            <a:solidFill>
              <a:srgbClr val="0070C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xtBox 44">
            <a:extLst>
              <a:ext uri="{FF2B5EF4-FFF2-40B4-BE49-F238E27FC236}">
                <a16:creationId xmlns:a16="http://schemas.microsoft.com/office/drawing/2014/main" id="{1D291062-47A9-36CE-A9C3-318FC83417F2}"/>
              </a:ext>
            </a:extLst>
          </p:cNvPr>
          <p:cNvSpPr txBox="1"/>
          <p:nvPr/>
        </p:nvSpPr>
        <p:spPr bwMode="gray">
          <a:xfrm>
            <a:off x="6657966" y="2897312"/>
            <a:ext cx="5067713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en-US" sz="2000" dirty="0">
                <a:latin typeface="Bahnschrift SemiCondensed" panose="020B0502040204020203" pitchFamily="34" charset="0"/>
              </a:rPr>
              <a:t>Btw, ML Focus is not on passing through max no. of data points but on minimizing the sum of errors!</a:t>
            </a:r>
          </a:p>
        </p:txBody>
      </p:sp>
      <p:sp>
        <p:nvSpPr>
          <p:cNvPr id="48" name="TextBox 47">
            <a:extLst>
              <a:ext uri="{FF2B5EF4-FFF2-40B4-BE49-F238E27FC236}">
                <a16:creationId xmlns:a16="http://schemas.microsoft.com/office/drawing/2014/main" id="{92050C6E-A434-C777-3EFD-81B284882EB3}"/>
              </a:ext>
            </a:extLst>
          </p:cNvPr>
          <p:cNvSpPr txBox="1"/>
          <p:nvPr/>
        </p:nvSpPr>
        <p:spPr bwMode="gray">
          <a:xfrm>
            <a:off x="6596425" y="2536661"/>
            <a:ext cx="1458514" cy="36065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000" dirty="0">
                <a:latin typeface="Bahnschrift SemiCondensed" panose="020B0502040204020203" pitchFamily="34" charset="0"/>
              </a:rPr>
              <a:t>Why a curve?</a:t>
            </a:r>
          </a:p>
        </p:txBody>
      </p:sp>
      <p:cxnSp>
        <p:nvCxnSpPr>
          <p:cNvPr id="49" name="Straight Connector 48">
            <a:extLst>
              <a:ext uri="{FF2B5EF4-FFF2-40B4-BE49-F238E27FC236}">
                <a16:creationId xmlns:a16="http://schemas.microsoft.com/office/drawing/2014/main" id="{F404BAD5-569C-DB4B-D4B4-445406F1A82C}"/>
              </a:ext>
            </a:extLst>
          </p:cNvPr>
          <p:cNvCxnSpPr>
            <a:cxnSpLocks/>
          </p:cNvCxnSpPr>
          <p:nvPr/>
        </p:nvCxnSpPr>
        <p:spPr bwMode="gray">
          <a:xfrm>
            <a:off x="3635284" y="4859676"/>
            <a:ext cx="0" cy="1555729"/>
          </a:xfrm>
          <a:prstGeom prst="line">
            <a:avLst/>
          </a:prstGeom>
          <a:ln w="38100">
            <a:solidFill>
              <a:srgbClr val="00B050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A88B48D8-2FC0-1F59-F76B-C6CD7F43252B}"/>
              </a:ext>
            </a:extLst>
          </p:cNvPr>
          <p:cNvCxnSpPr>
            <a:cxnSpLocks/>
          </p:cNvCxnSpPr>
          <p:nvPr/>
        </p:nvCxnSpPr>
        <p:spPr bwMode="gray">
          <a:xfrm>
            <a:off x="5948737" y="3626490"/>
            <a:ext cx="0" cy="2753401"/>
          </a:xfrm>
          <a:prstGeom prst="line">
            <a:avLst/>
          </a:prstGeom>
          <a:ln w="38100">
            <a:solidFill>
              <a:srgbClr val="00B050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TextBox 52">
            <a:extLst>
              <a:ext uri="{FF2B5EF4-FFF2-40B4-BE49-F238E27FC236}">
                <a16:creationId xmlns:a16="http://schemas.microsoft.com/office/drawing/2014/main" id="{33ABECC2-7B95-246C-0F5E-3487425FDB29}"/>
              </a:ext>
            </a:extLst>
          </p:cNvPr>
          <p:cNvSpPr txBox="1"/>
          <p:nvPr/>
        </p:nvSpPr>
        <p:spPr bwMode="gray">
          <a:xfrm>
            <a:off x="6388444" y="1643201"/>
            <a:ext cx="2068454" cy="46551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000" dirty="0">
                <a:solidFill>
                  <a:srgbClr val="007A33"/>
                </a:solidFill>
                <a:latin typeface="Bahnschrift SemiCondensed" panose="020B0502040204020203" pitchFamily="34" charset="0"/>
              </a:rPr>
              <a:t>Dependent Variable</a:t>
            </a: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4253B49E-D28E-B5A5-ECD1-840176BFAE00}"/>
              </a:ext>
            </a:extLst>
          </p:cNvPr>
          <p:cNvSpPr txBox="1"/>
          <p:nvPr/>
        </p:nvSpPr>
        <p:spPr bwMode="gray">
          <a:xfrm>
            <a:off x="7938442" y="2539549"/>
            <a:ext cx="5342146" cy="36065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000" dirty="0">
                <a:latin typeface="Bahnschrift SemiCondensed" panose="020B0502040204020203" pitchFamily="34" charset="0"/>
              </a:rPr>
              <a:t>........To predict for future/unseen value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5" name="TextBox 54">
                <a:extLst>
                  <a:ext uri="{FF2B5EF4-FFF2-40B4-BE49-F238E27FC236}">
                    <a16:creationId xmlns:a16="http://schemas.microsoft.com/office/drawing/2014/main" id="{6CD786CF-E66A-F99B-6915-A5D8EBF20F23}"/>
                  </a:ext>
                </a:extLst>
              </p:cNvPr>
              <p:cNvSpPr txBox="1"/>
              <p:nvPr/>
            </p:nvSpPr>
            <p:spPr bwMode="gray">
              <a:xfrm>
                <a:off x="9398017" y="4599412"/>
                <a:ext cx="2201671" cy="45558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US" sz="3200" dirty="0">
                    <a:solidFill>
                      <a:srgbClr val="0070C0"/>
                    </a:solidFill>
                  </a:rPr>
                  <a:t>(</a:t>
                </a:r>
                <a14:m>
                  <m:oMath xmlns:m="http://schemas.openxmlformats.org/officeDocument/2006/math">
                    <m:r>
                      <a:rPr lang="en-US" sz="32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h</m:t>
                    </m:r>
                    <m:d>
                      <m:dPr>
                        <m:ctrlPr>
                          <a:rPr lang="en-US" sz="32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sz="3200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</m:d>
                    <m:r>
                      <a:rPr lang="en-US" sz="32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  −</m:t>
                    </m:r>
                    <m:r>
                      <a:rPr lang="en-US" sz="32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𝑌</m:t>
                    </m:r>
                    <m:r>
                      <a:rPr lang="en-US" sz="32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)</m:t>
                    </m:r>
                  </m:oMath>
                </a14:m>
                <a:endParaRPr lang="en-US" sz="3200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32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55" name="TextBox 54">
                <a:extLst>
                  <a:ext uri="{FF2B5EF4-FFF2-40B4-BE49-F238E27FC236}">
                    <a16:creationId xmlns:a16="http://schemas.microsoft.com/office/drawing/2014/main" id="{6CD786CF-E66A-F99B-6915-A5D8EBF20F2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9398017" y="4599412"/>
                <a:ext cx="2201671" cy="455586"/>
              </a:xfrm>
              <a:prstGeom prst="rect">
                <a:avLst/>
              </a:prstGeom>
              <a:blipFill>
                <a:blip r:embed="rId11"/>
                <a:stretch>
                  <a:fillRect l="-11357" t="-25333" b="-6266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6" name="TextBox 55">
            <a:extLst>
              <a:ext uri="{FF2B5EF4-FFF2-40B4-BE49-F238E27FC236}">
                <a16:creationId xmlns:a16="http://schemas.microsoft.com/office/drawing/2014/main" id="{A15D5A7B-1A26-30D6-F42C-C9C5F07171C4}"/>
              </a:ext>
            </a:extLst>
          </p:cNvPr>
          <p:cNvSpPr txBox="1"/>
          <p:nvPr/>
        </p:nvSpPr>
        <p:spPr bwMode="gray">
          <a:xfrm>
            <a:off x="7237306" y="3583946"/>
            <a:ext cx="4109246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en-US" sz="20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We have to minimize the error so that we get a best fit line</a:t>
            </a: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89F8C1B3-DA08-D234-777B-5A8088F43E30}"/>
              </a:ext>
            </a:extLst>
          </p:cNvPr>
          <p:cNvSpPr txBox="1"/>
          <p:nvPr/>
        </p:nvSpPr>
        <p:spPr bwMode="gray">
          <a:xfrm>
            <a:off x="9048157" y="4528834"/>
            <a:ext cx="789161" cy="35077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4800" dirty="0">
                <a:solidFill>
                  <a:srgbClr val="0070C0"/>
                </a:solidFill>
                <a:sym typeface="Symbol" panose="05050102010706020507" pitchFamily="18" charset="2"/>
              </a:rPr>
              <a:t></a:t>
            </a:r>
            <a:endParaRPr lang="en-US" sz="4800" dirty="0">
              <a:solidFill>
                <a:srgbClr val="0070C0"/>
              </a:solidFill>
            </a:endParaRP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5799C0F1-B504-9D9A-1029-0CDAA76BACAE}"/>
              </a:ext>
            </a:extLst>
          </p:cNvPr>
          <p:cNvSpPr txBox="1"/>
          <p:nvPr/>
        </p:nvSpPr>
        <p:spPr bwMode="gray">
          <a:xfrm>
            <a:off x="7105172" y="4678457"/>
            <a:ext cx="1374840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28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J </a:t>
            </a:r>
            <a:r>
              <a:rPr lang="en-US" sz="20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(error) </a:t>
            </a:r>
            <a:r>
              <a:rPr lang="en-US" sz="28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=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9" name="TextBox 58">
                <a:extLst>
                  <a:ext uri="{FF2B5EF4-FFF2-40B4-BE49-F238E27FC236}">
                    <a16:creationId xmlns:a16="http://schemas.microsoft.com/office/drawing/2014/main" id="{5BFE88B4-4764-7D2D-0E54-8BCC7CE1E1ED}"/>
                  </a:ext>
                </a:extLst>
              </p:cNvPr>
              <p:cNvSpPr txBox="1"/>
              <p:nvPr/>
            </p:nvSpPr>
            <p:spPr bwMode="gray">
              <a:xfrm>
                <a:off x="8348245" y="4391553"/>
                <a:ext cx="2201671" cy="45558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320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32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sz="32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2</m:t>
                          </m:r>
                          <m:r>
                            <a:rPr lang="en-US" sz="32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𝑚</m:t>
                          </m:r>
                        </m:den>
                      </m:f>
                    </m:oMath>
                  </m:oMathPara>
                </a14:m>
                <a:endParaRPr lang="en-US" sz="32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59" name="TextBox 58">
                <a:extLst>
                  <a:ext uri="{FF2B5EF4-FFF2-40B4-BE49-F238E27FC236}">
                    <a16:creationId xmlns:a16="http://schemas.microsoft.com/office/drawing/2014/main" id="{5BFE88B4-4764-7D2D-0E54-8BCC7CE1E1E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8348245" y="4391553"/>
                <a:ext cx="2201671" cy="455586"/>
              </a:xfrm>
              <a:prstGeom prst="rect">
                <a:avLst/>
              </a:prstGeom>
              <a:blipFill>
                <a:blip r:embed="rId12"/>
                <a:stretch>
                  <a:fillRect b="-10133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0" name="TextBox 59">
            <a:extLst>
              <a:ext uri="{FF2B5EF4-FFF2-40B4-BE49-F238E27FC236}">
                <a16:creationId xmlns:a16="http://schemas.microsoft.com/office/drawing/2014/main" id="{E1AD2835-4F1B-A940-5147-6C5EE92F3A4B}"/>
              </a:ext>
            </a:extLst>
          </p:cNvPr>
          <p:cNvSpPr txBox="1"/>
          <p:nvPr/>
        </p:nvSpPr>
        <p:spPr bwMode="gray">
          <a:xfrm>
            <a:off x="11371033" y="4500889"/>
            <a:ext cx="228655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20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2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6B0C7CCA-EE7B-023A-DD46-57A978E0A841}"/>
              </a:ext>
            </a:extLst>
          </p:cNvPr>
          <p:cNvSpPr txBox="1"/>
          <p:nvPr/>
        </p:nvSpPr>
        <p:spPr bwMode="gray">
          <a:xfrm>
            <a:off x="7580538" y="5471370"/>
            <a:ext cx="3358181" cy="110290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en-US" sz="2000" dirty="0">
                <a:latin typeface="Bahnschrift SemiCondensed" panose="020B0502040204020203" pitchFamily="34" charset="0"/>
              </a:rPr>
              <a:t>This relation we name as: </a:t>
            </a:r>
            <a:r>
              <a:rPr lang="en-US" sz="20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Objective Function</a:t>
            </a:r>
          </a:p>
          <a:p>
            <a:pPr algn="ctr"/>
            <a:r>
              <a:rPr lang="en-US" sz="20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Cost Function</a:t>
            </a:r>
          </a:p>
        </p:txBody>
      </p:sp>
    </p:spTree>
    <p:extLst>
      <p:ext uri="{BB962C8B-B14F-4D97-AF65-F5344CB8AC3E}">
        <p14:creationId xmlns:p14="http://schemas.microsoft.com/office/powerpoint/2010/main" val="41607889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35" dur="500"/>
                                        <p:tgtEl>
                                          <p:spTgt spid="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500"/>
                                        <p:tgtEl>
                                          <p:spTgt spid="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6" fill="hold">
                            <p:stCondLst>
                              <p:cond delay="500"/>
                            </p:stCondLst>
                            <p:childTnLst>
                              <p:par>
                                <p:cTn id="47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49" dur="500"/>
                                        <p:tgtEl>
                                          <p:spTgt spid="4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0" fill="hold">
                      <p:stCondLst>
                        <p:cond delay="indefinite"/>
                      </p:stCondLst>
                      <p:childTnLst>
                        <p:par>
                          <p:cTn id="51" fill="hold">
                            <p:stCondLst>
                              <p:cond delay="0"/>
                            </p:stCondLst>
                            <p:childTnLst>
                              <p:par>
                                <p:cTn id="5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4" dur="500"/>
                                        <p:tgtEl>
                                          <p:spTgt spid="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5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57" dur="500"/>
                                        <p:tgtEl>
                                          <p:spTgt spid="5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8" fill="hold">
                      <p:stCondLst>
                        <p:cond delay="indefinite"/>
                      </p:stCondLst>
                      <p:childTnLst>
                        <p:par>
                          <p:cTn id="59" fill="hold">
                            <p:stCondLst>
                              <p:cond delay="0"/>
                            </p:stCondLst>
                            <p:childTnLst>
                              <p:par>
                                <p:cTn id="60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2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6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2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3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4" fill="hold">
                      <p:stCondLst>
                        <p:cond delay="indefinite"/>
                      </p:stCondLst>
                      <p:childTnLst>
                        <p:par>
                          <p:cTn id="75" fill="hold">
                            <p:stCondLst>
                              <p:cond delay="0"/>
                            </p:stCondLst>
                            <p:childTnLst>
                              <p:par>
                                <p:cTn id="76" presetID="2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8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79" fill="hold">
                            <p:stCondLst>
                              <p:cond delay="500"/>
                            </p:stCondLst>
                            <p:childTnLst>
                              <p:par>
                                <p:cTn id="80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82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3" fill="hold">
                            <p:stCondLst>
                              <p:cond delay="1000"/>
                            </p:stCondLst>
                            <p:childTnLst>
                              <p:par>
                                <p:cTn id="84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86" dur="5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7" fill="hold">
                            <p:stCondLst>
                              <p:cond delay="1500"/>
                            </p:stCondLst>
                            <p:childTnLst>
                              <p:par>
                                <p:cTn id="88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90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1" fill="hold">
                            <p:stCondLst>
                              <p:cond delay="2000"/>
                            </p:stCondLst>
                            <p:childTnLst>
                              <p:par>
                                <p:cTn id="92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94" dur="500"/>
                                        <p:tgtEl>
                                          <p:spTgt spid="3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5" fill="hold">
                            <p:stCondLst>
                              <p:cond delay="2500"/>
                            </p:stCondLst>
                            <p:childTnLst>
                              <p:par>
                                <p:cTn id="96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98" dur="500"/>
                                        <p:tgtEl>
                                          <p:spTgt spid="3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9" fill="hold">
                      <p:stCondLst>
                        <p:cond delay="indefinite"/>
                      </p:stCondLst>
                      <p:childTnLst>
                        <p:par>
                          <p:cTn id="100" fill="hold">
                            <p:stCondLst>
                              <p:cond delay="0"/>
                            </p:stCondLst>
                            <p:childTnLst>
                              <p:par>
                                <p:cTn id="10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3" dur="500"/>
                                        <p:tgtEl>
                                          <p:spTgt spid="5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4" fill="hold">
                      <p:stCondLst>
                        <p:cond delay="indefinite"/>
                      </p:stCondLst>
                      <p:childTnLst>
                        <p:par>
                          <p:cTn id="105" fill="hold">
                            <p:stCondLst>
                              <p:cond delay="0"/>
                            </p:stCondLst>
                            <p:childTnLst>
                              <p:par>
                                <p:cTn id="10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8" dur="500"/>
                                        <p:tgtEl>
                                          <p:spTgt spid="5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09" fill="hold">
                            <p:stCondLst>
                              <p:cond delay="500"/>
                            </p:stCondLst>
                            <p:childTnLst>
                              <p:par>
                                <p:cTn id="11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2" dur="500"/>
                                        <p:tgtEl>
                                          <p:spTgt spid="5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3" fill="hold">
                      <p:stCondLst>
                        <p:cond delay="indefinite"/>
                      </p:stCondLst>
                      <p:childTnLst>
                        <p:par>
                          <p:cTn id="114" fill="hold">
                            <p:stCondLst>
                              <p:cond delay="0"/>
                            </p:stCondLst>
                            <p:childTnLst>
                              <p:par>
                                <p:cTn id="1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7" dur="500"/>
                                        <p:tgtEl>
                                          <p:spTgt spid="5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8" fill="hold">
                      <p:stCondLst>
                        <p:cond delay="indefinite"/>
                      </p:stCondLst>
                      <p:childTnLst>
                        <p:par>
                          <p:cTn id="119" fill="hold">
                            <p:stCondLst>
                              <p:cond delay="0"/>
                            </p:stCondLst>
                            <p:childTnLst>
                              <p:par>
                                <p:cTn id="1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2" dur="500"/>
                                        <p:tgtEl>
                                          <p:spTgt spid="5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3" fill="hold">
                      <p:stCondLst>
                        <p:cond delay="indefinite"/>
                      </p:stCondLst>
                      <p:childTnLst>
                        <p:par>
                          <p:cTn id="124" fill="hold">
                            <p:stCondLst>
                              <p:cond delay="0"/>
                            </p:stCondLst>
                            <p:childTnLst>
                              <p:par>
                                <p:cTn id="1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7" dur="500"/>
                                        <p:tgtEl>
                                          <p:spTgt spid="6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8" fill="hold">
                      <p:stCondLst>
                        <p:cond delay="indefinite"/>
                      </p:stCondLst>
                      <p:childTnLst>
                        <p:par>
                          <p:cTn id="129" fill="hold">
                            <p:stCondLst>
                              <p:cond delay="0"/>
                            </p:stCondLst>
                            <p:childTnLst>
                              <p:par>
                                <p:cTn id="13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2" dur="5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0" grpId="0"/>
      <p:bldP spid="22" grpId="0"/>
      <p:bldP spid="27" grpId="0"/>
      <p:bldP spid="28" grpId="0"/>
      <p:bldP spid="45" grpId="0"/>
      <p:bldP spid="48" grpId="0"/>
      <p:bldP spid="53" grpId="0"/>
      <p:bldP spid="53" grpId="1"/>
      <p:bldP spid="54" grpId="0"/>
      <p:bldP spid="55" grpId="0"/>
      <p:bldP spid="56" grpId="0"/>
      <p:bldP spid="57" grpId="0"/>
      <p:bldP spid="58" grpId="0"/>
      <p:bldP spid="59" grpId="0"/>
      <p:bldP spid="60" grpId="0"/>
      <p:bldP spid="2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Diagram 1">
            <a:extLst>
              <a:ext uri="{FF2B5EF4-FFF2-40B4-BE49-F238E27FC236}">
                <a16:creationId xmlns:a16="http://schemas.microsoft.com/office/drawing/2014/main" id="{2E4FCC98-5D87-B929-7C4F-1056B917612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011929233"/>
              </p:ext>
            </p:extLst>
          </p:nvPr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3" name="TextBox 2">
            <a:extLst>
              <a:ext uri="{FF2B5EF4-FFF2-40B4-BE49-F238E27FC236}">
                <a16:creationId xmlns:a16="http://schemas.microsoft.com/office/drawing/2014/main" id="{3D97D106-E6F3-A02E-A9C4-8E7FE5ABCC4A}"/>
              </a:ext>
            </a:extLst>
          </p:cNvPr>
          <p:cNvSpPr txBox="1"/>
          <p:nvPr/>
        </p:nvSpPr>
        <p:spPr bwMode="gray">
          <a:xfrm>
            <a:off x="584201" y="1063583"/>
            <a:ext cx="5838370" cy="5039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chemeClr val="bg2"/>
                </a:solidFill>
                <a:latin typeface="Bahnschrift SemiCondensed" panose="020B0502040204020203" pitchFamily="34" charset="0"/>
              </a:rPr>
              <a:t>ML Hypothesis (Cost Function)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B88693B2-9886-CAA5-2C95-8C33086D6565}"/>
              </a:ext>
            </a:extLst>
          </p:cNvPr>
          <p:cNvSpPr txBox="1"/>
          <p:nvPr/>
        </p:nvSpPr>
        <p:spPr bwMode="gray">
          <a:xfrm>
            <a:off x="584201" y="228966"/>
            <a:ext cx="5152570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Regression ML</a:t>
            </a:r>
            <a:endParaRPr lang="en-US" sz="3000" b="1" dirty="0">
              <a:solidFill>
                <a:srgbClr val="0070C0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534E58A0-A445-B6AE-16B6-E1F503CE6DF4}"/>
              </a:ext>
            </a:extLst>
          </p:cNvPr>
          <p:cNvSpPr txBox="1"/>
          <p:nvPr/>
        </p:nvSpPr>
        <p:spPr bwMode="gray">
          <a:xfrm>
            <a:off x="4876906" y="1174250"/>
            <a:ext cx="7228007" cy="46551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000" dirty="0">
                <a:solidFill>
                  <a:schemeClr val="accent1">
                    <a:lumMod val="50000"/>
                    <a:lumOff val="50000"/>
                  </a:schemeClr>
                </a:solidFill>
                <a:latin typeface="Bahnschrift SemiCondensed" panose="020B0502040204020203" pitchFamily="34" charset="0"/>
              </a:rPr>
              <a:t>Ex. Task: Given Temp, Angle and pressure,  predict the rpm of the motor</a:t>
            </a:r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75CA8A71-9AA0-FF3E-352D-EC6AA9A57C15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214B3D27-1A3D-7CCE-07EF-B5CEF786A80A}"/>
                  </a:ext>
                </a:extLst>
              </p:cNvPr>
              <p:cNvSpPr txBox="1"/>
              <p:nvPr/>
            </p:nvSpPr>
            <p:spPr bwMode="gray">
              <a:xfrm>
                <a:off x="2926717" y="1730782"/>
                <a:ext cx="2025428" cy="51948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US" sz="3200" dirty="0">
                    <a:solidFill>
                      <a:srgbClr val="0070C0"/>
                    </a:solidFill>
                  </a:rPr>
                  <a:t>(</a:t>
                </a:r>
                <a14:m>
                  <m:oMath xmlns:m="http://schemas.openxmlformats.org/officeDocument/2006/math">
                    <m:r>
                      <a:rPr lang="en-US" sz="32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h</m:t>
                    </m:r>
                    <m:d>
                      <m:dPr>
                        <m:ctrlPr>
                          <a:rPr lang="en-US" sz="32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sz="3200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</m:d>
                    <m:r>
                      <a:rPr lang="en-US" sz="32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  −</m:t>
                    </m:r>
                    <m:r>
                      <a:rPr lang="en-US" sz="32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𝑌</m:t>
                    </m:r>
                    <m:r>
                      <a:rPr lang="en-US" sz="32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)</m:t>
                    </m:r>
                  </m:oMath>
                </a14:m>
                <a:endParaRPr lang="en-US" sz="3200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32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214B3D27-1A3D-7CCE-07EF-B5CEF786A80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2926717" y="1730782"/>
                <a:ext cx="2025428" cy="519486"/>
              </a:xfrm>
              <a:prstGeom prst="rect">
                <a:avLst/>
              </a:prstGeom>
              <a:blipFill>
                <a:blip r:embed="rId7"/>
                <a:stretch>
                  <a:fillRect l="-12048" t="-23529" b="-4235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8" name="TextBox 7">
            <a:extLst>
              <a:ext uri="{FF2B5EF4-FFF2-40B4-BE49-F238E27FC236}">
                <a16:creationId xmlns:a16="http://schemas.microsoft.com/office/drawing/2014/main" id="{26D1422E-7999-2111-4F28-BEB2DD81A9CD}"/>
              </a:ext>
            </a:extLst>
          </p:cNvPr>
          <p:cNvSpPr txBox="1"/>
          <p:nvPr/>
        </p:nvSpPr>
        <p:spPr bwMode="gray">
          <a:xfrm>
            <a:off x="2532136" y="1633687"/>
            <a:ext cx="789161" cy="74393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4800" dirty="0">
                <a:solidFill>
                  <a:srgbClr val="0070C0"/>
                </a:solidFill>
                <a:sym typeface="Symbol" panose="05050102010706020507" pitchFamily="18" charset="2"/>
              </a:rPr>
              <a:t></a:t>
            </a:r>
            <a:endParaRPr lang="en-US" sz="4800" dirty="0">
              <a:solidFill>
                <a:srgbClr val="0070C0"/>
              </a:solidFill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59184FDF-40DD-DB31-78A4-78A2C173D2C8}"/>
                  </a:ext>
                </a:extLst>
              </p:cNvPr>
              <p:cNvSpPr txBox="1"/>
              <p:nvPr/>
            </p:nvSpPr>
            <p:spPr bwMode="gray">
              <a:xfrm>
                <a:off x="814654" y="1806010"/>
                <a:ext cx="1374840" cy="68933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noAutofit/>
              </a:bodyPr>
              <a:lstStyle/>
              <a:p>
                <a14:m>
                  <m:oMath xmlns:m="http://schemas.openxmlformats.org/officeDocument/2006/math">
                    <m:r>
                      <a:rPr lang="en-US" sz="2800" b="1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𝑱</m:t>
                    </m:r>
                    <m:r>
                      <a:rPr lang="en-US" sz="2800" b="1" i="1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(</m:t>
                    </m:r>
                    <m:r>
                      <a:rPr lang="en-US" sz="2800" b="1" i="1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) </m:t>
                    </m:r>
                  </m:oMath>
                </a14:m>
                <a:r>
                  <a:rPr lang="en-US" sz="2800" dirty="0">
                    <a:solidFill>
                      <a:srgbClr val="0070C0"/>
                    </a:solidFill>
                    <a:latin typeface="Bahnschrift SemiCondensed" panose="020B0502040204020203" pitchFamily="34" charset="0"/>
                  </a:rPr>
                  <a:t> =</a:t>
                </a:r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59184FDF-40DD-DB31-78A4-78A2C173D2C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814654" y="1806010"/>
                <a:ext cx="1374840" cy="689334"/>
              </a:xfrm>
              <a:prstGeom prst="rect">
                <a:avLst/>
              </a:prstGeom>
              <a:blipFill>
                <a:blip r:embed="rId8"/>
                <a:stretch>
                  <a:fillRect l="-2667" t="-16814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7D773FD6-F8AB-D194-5ACB-504C3335A38B}"/>
                  </a:ext>
                </a:extLst>
              </p:cNvPr>
              <p:cNvSpPr txBox="1"/>
              <p:nvPr/>
            </p:nvSpPr>
            <p:spPr bwMode="gray">
              <a:xfrm>
                <a:off x="1904569" y="1537044"/>
                <a:ext cx="2201671" cy="45558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320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32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sz="32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2</m:t>
                          </m:r>
                          <m:r>
                            <a:rPr lang="en-US" sz="32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𝑚</m:t>
                          </m:r>
                        </m:den>
                      </m:f>
                    </m:oMath>
                  </m:oMathPara>
                </a14:m>
                <a:endParaRPr lang="en-US" sz="32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7D773FD6-F8AB-D194-5ACB-504C3335A38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904569" y="1537044"/>
                <a:ext cx="2201671" cy="455586"/>
              </a:xfrm>
              <a:prstGeom prst="rect">
                <a:avLst/>
              </a:prstGeom>
              <a:blipFill>
                <a:blip r:embed="rId9"/>
                <a:stretch>
                  <a:fillRect b="-10133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30586355-EC62-DDC8-22E6-7344690A0468}"/>
              </a:ext>
            </a:extLst>
          </p:cNvPr>
          <p:cNvSpPr txBox="1"/>
          <p:nvPr/>
        </p:nvSpPr>
        <p:spPr bwMode="gray">
          <a:xfrm>
            <a:off x="4925559" y="1629269"/>
            <a:ext cx="228655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20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2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810FC414-2FD2-F07F-78C7-22BE31919FC7}"/>
              </a:ext>
            </a:extLst>
          </p:cNvPr>
          <p:cNvPicPr>
            <a:picLocks noChangeAspect="1"/>
          </p:cNvPicPr>
          <p:nvPr/>
        </p:nvPicPr>
        <p:blipFill rotWithShape="1">
          <a:blip r:embed="rId10"/>
          <a:srcRect t="13276"/>
          <a:stretch/>
        </p:blipFill>
        <p:spPr>
          <a:xfrm>
            <a:off x="185856" y="2594040"/>
            <a:ext cx="4968358" cy="280465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311E6CF8-FD4B-0658-9997-8DD2EAE64A3D}"/>
              </a:ext>
            </a:extLst>
          </p:cNvPr>
          <p:cNvCxnSpPr>
            <a:cxnSpLocks/>
          </p:cNvCxnSpPr>
          <p:nvPr/>
        </p:nvCxnSpPr>
        <p:spPr bwMode="gray">
          <a:xfrm>
            <a:off x="502829" y="5080195"/>
            <a:ext cx="4504790" cy="0"/>
          </a:xfrm>
          <a:prstGeom prst="line">
            <a:avLst/>
          </a:prstGeom>
          <a:ln w="381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B48E34EA-02C0-69C6-572C-19ED8913A10D}"/>
                  </a:ext>
                </a:extLst>
              </p:cNvPr>
              <p:cNvSpPr txBox="1"/>
              <p:nvPr/>
            </p:nvSpPr>
            <p:spPr bwMode="gray">
              <a:xfrm>
                <a:off x="358612" y="5982284"/>
                <a:ext cx="1930319" cy="57401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𝟏</m:t>
                        </m:r>
                      </m:sub>
                    </m:sSub>
                  </m:oMath>
                </a14:m>
                <a:r>
                  <a:rPr lang="en-US" sz="2400" b="1" dirty="0">
                    <a:solidFill>
                      <a:srgbClr val="0070C0"/>
                    </a:solidFill>
                  </a:rPr>
                  <a:t>  =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 </m:t>
                        </m:r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𝟏</m:t>
                        </m:r>
                      </m:sub>
                    </m:sSub>
                  </m:oMath>
                </a14:m>
                <a:endParaRPr lang="en-US" sz="2400" b="1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b="1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B48E34EA-02C0-69C6-572C-19ED8913A10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358612" y="5982284"/>
                <a:ext cx="1930319" cy="574019"/>
              </a:xfrm>
              <a:prstGeom prst="rect">
                <a:avLst/>
              </a:prstGeom>
              <a:blipFill>
                <a:blip r:embed="rId11"/>
                <a:stretch>
                  <a:fillRect l="-6013" t="-1578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ECC6E6B8-5A42-9A3B-D2BD-88BC0741C006}"/>
                  </a:ext>
                </a:extLst>
              </p:cNvPr>
              <p:cNvSpPr txBox="1"/>
              <p:nvPr/>
            </p:nvSpPr>
            <p:spPr bwMode="gray">
              <a:xfrm>
                <a:off x="3225177" y="5969562"/>
                <a:ext cx="1837851" cy="57401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 </m:t>
                        </m:r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𝟐</m:t>
                        </m:r>
                      </m:sub>
                    </m:sSub>
                  </m:oMath>
                </a14:m>
                <a:r>
                  <a:rPr lang="en-US" sz="2400" b="1" dirty="0">
                    <a:solidFill>
                      <a:srgbClr val="0070C0"/>
                    </a:solidFill>
                  </a:rPr>
                  <a:t>  =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 </m:t>
                        </m:r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𝟐</m:t>
                        </m:r>
                      </m:sub>
                    </m:sSub>
                  </m:oMath>
                </a14:m>
                <a:endParaRPr lang="en-US" sz="2400" b="1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ECC6E6B8-5A42-9A3B-D2BD-88BC0741C00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3225177" y="5969562"/>
                <a:ext cx="1837851" cy="574019"/>
              </a:xfrm>
              <a:prstGeom prst="rect">
                <a:avLst/>
              </a:prstGeom>
              <a:blipFill>
                <a:blip r:embed="rId12"/>
                <a:stretch>
                  <a:fillRect l="-2318" t="-1595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8AF2499-FF4F-5CE0-13C7-98DD81F67E9B}"/>
                  </a:ext>
                </a:extLst>
              </p:cNvPr>
              <p:cNvSpPr txBox="1"/>
              <p:nvPr/>
            </p:nvSpPr>
            <p:spPr bwMode="gray">
              <a:xfrm>
                <a:off x="1538611" y="5773900"/>
                <a:ext cx="1301766" cy="100643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solidFill>
                            <a:srgbClr val="0070C0"/>
                          </a:solidFill>
                          <a:latin typeface="Cambria Math" panose="02040503050406030204" pitchFamily="18" charset="0"/>
                        </a:rPr>
                        <m:t>− </m:t>
                      </m:r>
                      <m:f>
                        <m:fPr>
                          <m:ctrlP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𝒅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𝑱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()</m:t>
                          </m:r>
                        </m:num>
                        <m:den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𝒅</m:t>
                          </m:r>
                          <m:sSub>
                            <m:sSubPr>
                              <m:ctrlPr>
                                <a:rPr lang="en-US" sz="24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4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</m:t>
                              </m:r>
                            </m:e>
                            <m:sub>
                              <m:r>
                                <a:rPr lang="en-US" sz="24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</a:rPr>
                                <m:t>𝟏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US" sz="2400" b="1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8AF2499-FF4F-5CE0-13C7-98DD81F67E9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538611" y="5773900"/>
                <a:ext cx="1301766" cy="1006438"/>
              </a:xfrm>
              <a:prstGeom prst="rect">
                <a:avLst/>
              </a:prstGeom>
              <a:blipFill>
                <a:blip r:embed="rId1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DDBBE0A5-7062-88AF-9AD7-896E6C860583}"/>
                  </a:ext>
                </a:extLst>
              </p:cNvPr>
              <p:cNvSpPr txBox="1"/>
              <p:nvPr/>
            </p:nvSpPr>
            <p:spPr bwMode="gray">
              <a:xfrm>
                <a:off x="4443824" y="5773900"/>
                <a:ext cx="1301766" cy="100643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solidFill>
                            <a:srgbClr val="0070C0"/>
                          </a:solidFill>
                          <a:latin typeface="Cambria Math" panose="02040503050406030204" pitchFamily="18" charset="0"/>
                        </a:rPr>
                        <m:t>− </m:t>
                      </m:r>
                      <m:f>
                        <m:fPr>
                          <m:ctrlP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𝒅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𝑱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()</m:t>
                          </m:r>
                        </m:num>
                        <m:den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𝒅</m:t>
                          </m:r>
                          <m:sSub>
                            <m:sSubPr>
                              <m:ctrlPr>
                                <a:rPr lang="en-US" sz="24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4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</m:t>
                              </m:r>
                            </m:e>
                            <m:sub>
                              <m:r>
                                <a:rPr lang="en-US" sz="24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</a:rPr>
                                <m:t>𝟏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US" sz="2400" b="1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DDBBE0A5-7062-88AF-9AD7-896E6C86058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4443824" y="5773900"/>
                <a:ext cx="1301766" cy="1006438"/>
              </a:xfrm>
              <a:prstGeom prst="rect">
                <a:avLst/>
              </a:prstGeom>
              <a:blipFill>
                <a:blip r:embed="rId1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C78BB2E6-CD5C-17E7-BC7D-D522CC0F4525}"/>
                  </a:ext>
                </a:extLst>
              </p:cNvPr>
              <p:cNvSpPr txBox="1"/>
              <p:nvPr/>
            </p:nvSpPr>
            <p:spPr bwMode="gray">
              <a:xfrm>
                <a:off x="5912425" y="5954115"/>
                <a:ext cx="2520413" cy="57401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 </m:t>
                        </m:r>
                        <m: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𝒊</m:t>
                        </m:r>
                      </m:sub>
                    </m:sSub>
                  </m:oMath>
                </a14:m>
                <a:r>
                  <a:rPr lang="en-US" sz="2400" b="1" dirty="0">
                    <a:solidFill>
                      <a:srgbClr val="00B050"/>
                    </a:solidFill>
                  </a:rPr>
                  <a:t>  =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 </m:t>
                        </m:r>
                        <m: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𝒊</m:t>
                        </m:r>
                      </m:sub>
                    </m:sSub>
                  </m:oMath>
                </a14:m>
                <a:endParaRPr lang="en-US" sz="2400" b="1" dirty="0">
                  <a:solidFill>
                    <a:srgbClr val="00B050"/>
                  </a:solidFill>
                </a:endParaRPr>
              </a:p>
            </p:txBody>
          </p:sp>
        </mc:Choice>
        <mc:Fallback xmlns=""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C78BB2E6-CD5C-17E7-BC7D-D522CC0F452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912425" y="5954115"/>
                <a:ext cx="2520413" cy="574019"/>
              </a:xfrm>
              <a:prstGeom prst="rect">
                <a:avLst/>
              </a:prstGeom>
              <a:blipFill>
                <a:blip r:embed="rId15"/>
                <a:stretch>
                  <a:fillRect l="-1937" t="-1702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B21880AB-5490-EB7C-619A-E1CF49DD2F6D}"/>
                  </a:ext>
                </a:extLst>
              </p:cNvPr>
              <p:cNvSpPr txBox="1"/>
              <p:nvPr/>
            </p:nvSpPr>
            <p:spPr bwMode="gray">
              <a:xfrm>
                <a:off x="7131072" y="5758453"/>
                <a:ext cx="1301766" cy="100643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solidFill>
                            <a:srgbClr val="00B050"/>
                          </a:solidFill>
                          <a:latin typeface="Cambria Math" panose="02040503050406030204" pitchFamily="18" charset="0"/>
                        </a:rPr>
                        <m:t>− </m:t>
                      </m:r>
                      <m:f>
                        <m:fPr>
                          <m:ctrlPr>
                            <a:rPr lang="en-US" sz="2400" b="1" i="1" smtClean="0">
                              <a:solidFill>
                                <a:srgbClr val="00B05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400" b="1" i="1" smtClean="0">
                              <a:solidFill>
                                <a:srgbClr val="00B050"/>
                              </a:solidFill>
                              <a:latin typeface="Cambria Math" panose="02040503050406030204" pitchFamily="18" charset="0"/>
                            </a:rPr>
                            <m:t>𝒅</m:t>
                          </m:r>
                          <m:r>
                            <a:rPr lang="en-US" sz="2400" b="1" i="1" smtClean="0">
                              <a:solidFill>
                                <a:srgbClr val="00B050"/>
                              </a:solidFill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lang="en-US" sz="2400" b="1" i="1" smtClean="0">
                              <a:solidFill>
                                <a:srgbClr val="00B050"/>
                              </a:solidFill>
                              <a:latin typeface="Cambria Math" panose="02040503050406030204" pitchFamily="18" charset="0"/>
                            </a:rPr>
                            <m:t>𝑱</m:t>
                          </m:r>
                          <m:r>
                            <a:rPr lang="en-US" sz="2400" b="1" i="1" smtClean="0">
                              <a:solidFill>
                                <a:srgbClr val="00B050"/>
                              </a:solidFill>
                              <a:latin typeface="Cambria Math" panose="02040503050406030204" pitchFamily="18" charset="0"/>
                            </a:rPr>
                            <m:t>()</m:t>
                          </m:r>
                        </m:num>
                        <m:den>
                          <m:r>
                            <a:rPr lang="en-US" sz="2400" b="1" i="1" smtClean="0">
                              <a:solidFill>
                                <a:srgbClr val="00B050"/>
                              </a:solidFill>
                              <a:latin typeface="Cambria Math" panose="02040503050406030204" pitchFamily="18" charset="0"/>
                            </a:rPr>
                            <m:t>𝒅</m:t>
                          </m:r>
                          <m:sSub>
                            <m:sSubPr>
                              <m:ctrlPr>
                                <a:rPr lang="en-US" sz="24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4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</m:t>
                              </m:r>
                            </m:e>
                            <m:sub>
                              <m:r>
                                <a:rPr lang="en-US" sz="2400" b="1" i="1" smtClean="0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𝒊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US" sz="2400" b="1" dirty="0">
                  <a:solidFill>
                    <a:srgbClr val="00B050"/>
                  </a:solidFill>
                </a:endParaRPr>
              </a:p>
            </p:txBody>
          </p:sp>
        </mc:Choice>
        <mc:Fallback xmlns="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B21880AB-5490-EB7C-619A-E1CF49DD2F6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131072" y="5758453"/>
                <a:ext cx="1301766" cy="1006438"/>
              </a:xfrm>
              <a:prstGeom prst="rect">
                <a:avLst/>
              </a:prstGeom>
              <a:blipFill>
                <a:blip r:embed="rId1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0CE23CA8-1648-F8DD-C636-A4CDB2F5EF5A}"/>
              </a:ext>
            </a:extLst>
          </p:cNvPr>
          <p:cNvCxnSpPr>
            <a:cxnSpLocks/>
          </p:cNvCxnSpPr>
          <p:nvPr/>
        </p:nvCxnSpPr>
        <p:spPr bwMode="gray">
          <a:xfrm flipV="1">
            <a:off x="502829" y="4484294"/>
            <a:ext cx="4449316" cy="595901"/>
          </a:xfrm>
          <a:prstGeom prst="line">
            <a:avLst/>
          </a:prstGeom>
          <a:ln w="381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741498BD-992F-D43F-7935-5058D31315C4}"/>
              </a:ext>
            </a:extLst>
          </p:cNvPr>
          <p:cNvCxnSpPr>
            <a:cxnSpLocks/>
          </p:cNvCxnSpPr>
          <p:nvPr/>
        </p:nvCxnSpPr>
        <p:spPr bwMode="gray">
          <a:xfrm flipV="1">
            <a:off x="502829" y="3960613"/>
            <a:ext cx="4374077" cy="1119582"/>
          </a:xfrm>
          <a:prstGeom prst="line">
            <a:avLst/>
          </a:prstGeom>
          <a:ln w="381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TextBox 29">
            <a:extLst>
              <a:ext uri="{FF2B5EF4-FFF2-40B4-BE49-F238E27FC236}">
                <a16:creationId xmlns:a16="http://schemas.microsoft.com/office/drawing/2014/main" id="{DF11487A-8493-9AC1-F032-AD448D246F27}"/>
              </a:ext>
            </a:extLst>
          </p:cNvPr>
          <p:cNvSpPr txBox="1"/>
          <p:nvPr/>
        </p:nvSpPr>
        <p:spPr bwMode="gray">
          <a:xfrm>
            <a:off x="5725970" y="1586860"/>
            <a:ext cx="5826638" cy="215834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2000" u="sng" dirty="0">
                <a:latin typeface="Arial" panose="020B0604020202020204" pitchFamily="34" charset="0"/>
                <a:cs typeface="Arial" panose="020B0604020202020204" pitchFamily="34" charset="0"/>
              </a:rPr>
              <a:t>Iteration 1</a:t>
            </a: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: Initiate </a:t>
            </a: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  <a:sym typeface="Symbol" panose="05050102010706020507" pitchFamily="18" charset="2"/>
              </a:rPr>
              <a:t>’s, find J(), </a:t>
            </a:r>
          </a:p>
          <a:p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  <a:sym typeface="Symbol" panose="05050102010706020507" pitchFamily="18" charset="2"/>
              </a:rPr>
              <a:t>                  update ’s using derivatives</a:t>
            </a:r>
          </a:p>
          <a:p>
            <a:r>
              <a:rPr lang="en-US" sz="2000" u="sng" dirty="0">
                <a:latin typeface="Arial" panose="020B0604020202020204" pitchFamily="34" charset="0"/>
                <a:cs typeface="Arial" panose="020B0604020202020204" pitchFamily="34" charset="0"/>
                <a:sym typeface="Symbol" panose="05050102010706020507" pitchFamily="18" charset="2"/>
              </a:rPr>
              <a:t>Iteration 2</a:t>
            </a: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  <a:sym typeface="Symbol" panose="05050102010706020507" pitchFamily="18" charset="2"/>
              </a:rPr>
              <a:t>: Use updated ’s from step 1, find J(), </a:t>
            </a:r>
          </a:p>
          <a:p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  <a:sym typeface="Symbol" panose="05050102010706020507" pitchFamily="18" charset="2"/>
              </a:rPr>
              <a:t>                  update ’s using derivatives</a:t>
            </a:r>
          </a:p>
          <a:p>
            <a:r>
              <a:rPr lang="en-US" sz="2000" u="sng" dirty="0">
                <a:latin typeface="Arial" panose="020B0604020202020204" pitchFamily="34" charset="0"/>
                <a:cs typeface="Arial" panose="020B0604020202020204" pitchFamily="34" charset="0"/>
                <a:sym typeface="Symbol" panose="05050102010706020507" pitchFamily="18" charset="2"/>
              </a:rPr>
              <a:t>Iteration 3</a:t>
            </a: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  <a:sym typeface="Symbol" panose="05050102010706020507" pitchFamily="18" charset="2"/>
              </a:rPr>
              <a:t>: Use updated ’s from step 2, find J(), </a:t>
            </a:r>
          </a:p>
          <a:p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  <a:sym typeface="Symbol" panose="05050102010706020507" pitchFamily="18" charset="2"/>
              </a:rPr>
              <a:t>                  update ’s using derivatives</a:t>
            </a:r>
          </a:p>
          <a:p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  <a:sym typeface="Symbol" panose="05050102010706020507" pitchFamily="18" charset="2"/>
              </a:rPr>
              <a:t>     …….and so on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B911751C-94C5-72B5-DFCF-4C7732CD760B}"/>
                  </a:ext>
                </a:extLst>
              </p:cNvPr>
              <p:cNvSpPr txBox="1"/>
              <p:nvPr/>
            </p:nvSpPr>
            <p:spPr bwMode="gray">
              <a:xfrm>
                <a:off x="4942295" y="3804687"/>
                <a:ext cx="1301766" cy="100643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𝒅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𝑱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()</m:t>
                          </m:r>
                        </m:num>
                        <m:den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𝒅</m:t>
                          </m:r>
                          <m:sSub>
                            <m:sSubPr>
                              <m:ctrlPr>
                                <a:rPr lang="en-US" sz="24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4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</m:t>
                              </m:r>
                            </m:e>
                            <m:sub>
                              <m:r>
                                <a:rPr lang="en-US" sz="24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</a:rPr>
                                <m:t>𝟏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US" sz="2400" b="1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B911751C-94C5-72B5-DFCF-4C7732CD760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4942295" y="3804687"/>
                <a:ext cx="1301766" cy="1006438"/>
              </a:xfrm>
              <a:prstGeom prst="rect">
                <a:avLst/>
              </a:prstGeom>
              <a:blipFill>
                <a:blip r:embed="rId1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CA28650A-7955-9997-4459-5CC19F767554}"/>
                  </a:ext>
                </a:extLst>
              </p:cNvPr>
              <p:cNvSpPr txBox="1"/>
              <p:nvPr/>
            </p:nvSpPr>
            <p:spPr bwMode="gray">
              <a:xfrm>
                <a:off x="6086150" y="3963295"/>
                <a:ext cx="2350270" cy="70106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US" sz="2400" b="1" dirty="0">
                    <a:solidFill>
                      <a:srgbClr val="0070C0"/>
                    </a:solidFill>
                  </a:rPr>
                  <a:t>=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sz="24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sz="2400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2</m:t>
                        </m:r>
                      </m:num>
                      <m:den>
                        <m:r>
                          <a:rPr lang="en-US" sz="24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2</m:t>
                        </m:r>
                        <m:r>
                          <a:rPr lang="en-US" sz="24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𝑚</m:t>
                        </m:r>
                      </m:den>
                    </m:f>
                    <m:r>
                      <m:rPr>
                        <m:nor/>
                      </m:rPr>
                      <a:rPr lang="en-US" sz="2400" dirty="0">
                        <a:solidFill>
                          <a:srgbClr val="0070C0"/>
                        </a:solidFill>
                        <a:sym typeface="Symbol" panose="05050102010706020507" pitchFamily="18" charset="2"/>
                      </a:rPr>
                      <m:t></m:t>
                    </m:r>
                    <m:r>
                      <m:rPr>
                        <m:nor/>
                      </m:rPr>
                      <a:rPr lang="en-US" sz="2400" b="0" i="0" dirty="0" smtClean="0">
                        <a:solidFill>
                          <a:srgbClr val="0070C0"/>
                        </a:solidFill>
                        <a:sym typeface="Symbol" panose="05050102010706020507" pitchFamily="18" charset="2"/>
                      </a:rPr>
                      <m:t> </m:t>
                    </m:r>
                    <m:r>
                      <m:rPr>
                        <m:nor/>
                      </m:rPr>
                      <a:rPr lang="en-US" sz="2400" dirty="0">
                        <a:solidFill>
                          <a:srgbClr val="0070C0"/>
                        </a:solidFill>
                      </a:rPr>
                      <m:t>(</m:t>
                    </m:r>
                    <m:r>
                      <a:rPr lang="en-US" sz="2400" i="1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h</m:t>
                    </m:r>
                    <m:r>
                      <a:rPr lang="en-US" sz="2400" i="1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−</m:t>
                    </m:r>
                    <m:r>
                      <a:rPr lang="en-US" sz="2400" i="1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𝑌</m:t>
                    </m:r>
                    <m:r>
                      <a:rPr lang="en-US" sz="2400" i="1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)</m:t>
                    </m:r>
                  </m:oMath>
                </a14:m>
                <a:r>
                  <a:rPr lang="en-US" sz="2400" b="1" dirty="0">
                    <a:solidFill>
                      <a:srgbClr val="0070C0"/>
                    </a:solidFill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𝟏</m:t>
                        </m:r>
                      </m:sub>
                    </m:sSub>
                  </m:oMath>
                </a14:m>
                <a:endParaRPr lang="en-US" sz="2400" dirty="0">
                  <a:solidFill>
                    <a:srgbClr val="0070C0"/>
                  </a:solidFill>
                </a:endParaRPr>
              </a:p>
              <a:p>
                <a:pPr>
                  <a:spcBef>
                    <a:spcPts val="600"/>
                  </a:spcBef>
                </a:pPr>
                <a:endParaRPr lang="en-US" sz="2400" b="1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b="1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CA28650A-7955-9997-4459-5CC19F76755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086150" y="3963295"/>
                <a:ext cx="2350270" cy="701068"/>
              </a:xfrm>
              <a:prstGeom prst="rect">
                <a:avLst/>
              </a:prstGeom>
              <a:blipFill>
                <a:blip r:embed="rId18"/>
                <a:stretch>
                  <a:fillRect l="-7772" t="-173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3" name="TextBox 32">
                <a:extLst>
                  <a:ext uri="{FF2B5EF4-FFF2-40B4-BE49-F238E27FC236}">
                    <a16:creationId xmlns:a16="http://schemas.microsoft.com/office/drawing/2014/main" id="{637EDC63-D589-420A-D955-A2A76C015F4A}"/>
                  </a:ext>
                </a:extLst>
              </p:cNvPr>
              <p:cNvSpPr txBox="1"/>
              <p:nvPr/>
            </p:nvSpPr>
            <p:spPr bwMode="gray">
              <a:xfrm>
                <a:off x="4942295" y="4720793"/>
                <a:ext cx="1301766" cy="100643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𝒅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𝑱</m:t>
                          </m:r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()</m:t>
                          </m:r>
                        </m:num>
                        <m:den>
                          <m:r>
                            <a:rPr lang="en-US" sz="2400" b="1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𝒅</m:t>
                          </m:r>
                          <m:sSub>
                            <m:sSubPr>
                              <m:ctrlPr>
                                <a:rPr lang="en-US" sz="24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4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</m:t>
                              </m:r>
                            </m:e>
                            <m:sub>
                              <m:r>
                                <a:rPr lang="en-US" sz="2400" b="1" i="1" smtClean="0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</a:rPr>
                                <m:t>𝒊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US" sz="2400" b="1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33" name="TextBox 32">
                <a:extLst>
                  <a:ext uri="{FF2B5EF4-FFF2-40B4-BE49-F238E27FC236}">
                    <a16:creationId xmlns:a16="http://schemas.microsoft.com/office/drawing/2014/main" id="{637EDC63-D589-420A-D955-A2A76C015F4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4942295" y="4720793"/>
                <a:ext cx="1301766" cy="1006438"/>
              </a:xfrm>
              <a:prstGeom prst="rect">
                <a:avLst/>
              </a:prstGeom>
              <a:blipFill>
                <a:blip r:embed="rId1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5F9E510B-D5B7-647F-0CC4-73196ECC0E65}"/>
                  </a:ext>
                </a:extLst>
              </p:cNvPr>
              <p:cNvSpPr txBox="1"/>
              <p:nvPr/>
            </p:nvSpPr>
            <p:spPr bwMode="gray">
              <a:xfrm>
                <a:off x="6086150" y="4879401"/>
                <a:ext cx="2350270" cy="70106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US" sz="2400" b="1" dirty="0">
                    <a:solidFill>
                      <a:srgbClr val="0070C0"/>
                    </a:solidFill>
                  </a:rPr>
                  <a:t>=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sz="24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sz="2400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2</m:t>
                        </m:r>
                      </m:num>
                      <m:den>
                        <m:r>
                          <a:rPr lang="en-US" sz="24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2</m:t>
                        </m:r>
                        <m:r>
                          <a:rPr lang="en-US" sz="2400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𝑚</m:t>
                        </m:r>
                      </m:den>
                    </m:f>
                    <m:r>
                      <m:rPr>
                        <m:nor/>
                      </m:rPr>
                      <a:rPr lang="en-US" sz="2400" dirty="0">
                        <a:solidFill>
                          <a:srgbClr val="0070C0"/>
                        </a:solidFill>
                        <a:sym typeface="Symbol" panose="05050102010706020507" pitchFamily="18" charset="2"/>
                      </a:rPr>
                      <m:t></m:t>
                    </m:r>
                    <m:r>
                      <m:rPr>
                        <m:nor/>
                      </m:rPr>
                      <a:rPr lang="en-US" sz="2400" b="0" i="0" dirty="0" smtClean="0">
                        <a:solidFill>
                          <a:srgbClr val="0070C0"/>
                        </a:solidFill>
                        <a:sym typeface="Symbol" panose="05050102010706020507" pitchFamily="18" charset="2"/>
                      </a:rPr>
                      <m:t> </m:t>
                    </m:r>
                    <m:r>
                      <m:rPr>
                        <m:nor/>
                      </m:rPr>
                      <a:rPr lang="en-US" sz="2400" dirty="0">
                        <a:solidFill>
                          <a:srgbClr val="0070C0"/>
                        </a:solidFill>
                      </a:rPr>
                      <m:t>(</m:t>
                    </m:r>
                    <m:r>
                      <a:rPr lang="en-US" sz="2400" i="1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h</m:t>
                    </m:r>
                    <m:r>
                      <a:rPr lang="en-US" sz="2400" i="1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−</m:t>
                    </m:r>
                    <m:r>
                      <a:rPr lang="en-US" sz="2400" i="1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𝑌</m:t>
                    </m:r>
                    <m:r>
                      <a:rPr lang="en-US" sz="2400" i="1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)</m:t>
                    </m:r>
                  </m:oMath>
                </a14:m>
                <a:r>
                  <a:rPr lang="en-US" sz="2400" b="1" dirty="0">
                    <a:solidFill>
                      <a:srgbClr val="0070C0"/>
                    </a:solidFill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  <m:sub>
                        <m:r>
                          <a:rPr lang="en-US" sz="2400" b="1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𝒊</m:t>
                        </m:r>
                      </m:sub>
                    </m:sSub>
                  </m:oMath>
                </a14:m>
                <a:endParaRPr lang="en-US" sz="2400" dirty="0">
                  <a:solidFill>
                    <a:srgbClr val="0070C0"/>
                  </a:solidFill>
                </a:endParaRPr>
              </a:p>
              <a:p>
                <a:pPr>
                  <a:spcBef>
                    <a:spcPts val="600"/>
                  </a:spcBef>
                </a:pPr>
                <a:endParaRPr lang="en-US" sz="2400" b="1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b="1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5F9E510B-D5B7-647F-0CC4-73196ECC0E6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086150" y="4879401"/>
                <a:ext cx="2350270" cy="701068"/>
              </a:xfrm>
              <a:prstGeom prst="rect">
                <a:avLst/>
              </a:prstGeom>
              <a:blipFill>
                <a:blip r:embed="rId20"/>
                <a:stretch>
                  <a:fillRect l="-7772" t="-173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8" name="Picture 37">
            <a:extLst>
              <a:ext uri="{FF2B5EF4-FFF2-40B4-BE49-F238E27FC236}">
                <a16:creationId xmlns:a16="http://schemas.microsoft.com/office/drawing/2014/main" id="{A25E5625-DE64-C291-02C1-6D5E96743A6A}"/>
              </a:ext>
            </a:extLst>
          </p:cNvPr>
          <p:cNvPicPr>
            <a:picLocks noChangeAspect="1"/>
          </p:cNvPicPr>
          <p:nvPr/>
        </p:nvPicPr>
        <p:blipFill>
          <a:blip r:embed="rId21"/>
          <a:stretch>
            <a:fillRect/>
          </a:stretch>
        </p:blipFill>
        <p:spPr>
          <a:xfrm>
            <a:off x="8389626" y="3617730"/>
            <a:ext cx="3616518" cy="2879786"/>
          </a:xfrm>
          <a:prstGeom prst="rect">
            <a:avLst/>
          </a:prstGeom>
        </p:spPr>
      </p:pic>
      <p:sp>
        <p:nvSpPr>
          <p:cNvPr id="39" name="Oval 38">
            <a:extLst>
              <a:ext uri="{FF2B5EF4-FFF2-40B4-BE49-F238E27FC236}">
                <a16:creationId xmlns:a16="http://schemas.microsoft.com/office/drawing/2014/main" id="{0BEBE120-AE14-5026-3673-0D986DB61B07}"/>
              </a:ext>
            </a:extLst>
          </p:cNvPr>
          <p:cNvSpPr/>
          <p:nvPr/>
        </p:nvSpPr>
        <p:spPr bwMode="gray">
          <a:xfrm>
            <a:off x="9376020" y="4119294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C6528BCC-3089-C60E-0F30-C217916D06F4}"/>
              </a:ext>
            </a:extLst>
          </p:cNvPr>
          <p:cNvSpPr/>
          <p:nvPr/>
        </p:nvSpPr>
        <p:spPr bwMode="gray">
          <a:xfrm>
            <a:off x="9593739" y="4611875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5CA45795-785C-56B2-76B7-D308B72EC4F8}"/>
              </a:ext>
            </a:extLst>
          </p:cNvPr>
          <p:cNvCxnSpPr>
            <a:cxnSpLocks/>
          </p:cNvCxnSpPr>
          <p:nvPr/>
        </p:nvCxnSpPr>
        <p:spPr bwMode="gray">
          <a:xfrm>
            <a:off x="9450934" y="4154673"/>
            <a:ext cx="186347" cy="500746"/>
          </a:xfrm>
          <a:prstGeom prst="straightConnector1">
            <a:avLst/>
          </a:prstGeom>
          <a:ln w="22225">
            <a:solidFill>
              <a:schemeClr val="accent5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Oval 42">
            <a:extLst>
              <a:ext uri="{FF2B5EF4-FFF2-40B4-BE49-F238E27FC236}">
                <a16:creationId xmlns:a16="http://schemas.microsoft.com/office/drawing/2014/main" id="{AC7D9EB9-F44A-64F2-180A-A8EB6FE881BE}"/>
              </a:ext>
            </a:extLst>
          </p:cNvPr>
          <p:cNvSpPr/>
          <p:nvPr/>
        </p:nvSpPr>
        <p:spPr bwMode="gray">
          <a:xfrm>
            <a:off x="9767909" y="5101732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F44E57EE-A6CB-7412-B611-ECB4592AC311}"/>
              </a:ext>
            </a:extLst>
          </p:cNvPr>
          <p:cNvCxnSpPr>
            <a:cxnSpLocks/>
          </p:cNvCxnSpPr>
          <p:nvPr/>
        </p:nvCxnSpPr>
        <p:spPr bwMode="gray">
          <a:xfrm>
            <a:off x="9659053" y="4682632"/>
            <a:ext cx="183768" cy="475605"/>
          </a:xfrm>
          <a:prstGeom prst="straightConnector1">
            <a:avLst/>
          </a:prstGeom>
          <a:ln w="22225">
            <a:solidFill>
              <a:schemeClr val="accent5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Oval 44">
            <a:extLst>
              <a:ext uri="{FF2B5EF4-FFF2-40B4-BE49-F238E27FC236}">
                <a16:creationId xmlns:a16="http://schemas.microsoft.com/office/drawing/2014/main" id="{DE7603B8-7B84-B042-514F-C7836CDF006A}"/>
              </a:ext>
            </a:extLst>
          </p:cNvPr>
          <p:cNvSpPr/>
          <p:nvPr/>
        </p:nvSpPr>
        <p:spPr bwMode="gray">
          <a:xfrm>
            <a:off x="9931197" y="5382672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48" name="Freeform: Shape 47">
            <a:extLst>
              <a:ext uri="{FF2B5EF4-FFF2-40B4-BE49-F238E27FC236}">
                <a16:creationId xmlns:a16="http://schemas.microsoft.com/office/drawing/2014/main" id="{6178AB2D-99CB-5FDB-F225-9DE52BAF33BE}"/>
              </a:ext>
            </a:extLst>
          </p:cNvPr>
          <p:cNvSpPr/>
          <p:nvPr/>
        </p:nvSpPr>
        <p:spPr bwMode="gray">
          <a:xfrm>
            <a:off x="9450934" y="4129744"/>
            <a:ext cx="1958619" cy="1822044"/>
          </a:xfrm>
          <a:custGeom>
            <a:avLst/>
            <a:gdLst>
              <a:gd name="connsiteX0" fmla="*/ 0 w 2319906"/>
              <a:gd name="connsiteY0" fmla="*/ 0 h 1822044"/>
              <a:gd name="connsiteX1" fmla="*/ 381000 w 2319906"/>
              <a:gd name="connsiteY1" fmla="*/ 881743 h 1822044"/>
              <a:gd name="connsiteX2" fmla="*/ 381000 w 2319906"/>
              <a:gd name="connsiteY2" fmla="*/ 881743 h 1822044"/>
              <a:gd name="connsiteX3" fmla="*/ 838200 w 2319906"/>
              <a:gd name="connsiteY3" fmla="*/ 1545772 h 1822044"/>
              <a:gd name="connsiteX4" fmla="*/ 1643743 w 2319906"/>
              <a:gd name="connsiteY4" fmla="*/ 1817914 h 1822044"/>
              <a:gd name="connsiteX5" fmla="*/ 2024743 w 2319906"/>
              <a:gd name="connsiteY5" fmla="*/ 1360714 h 1822044"/>
              <a:gd name="connsiteX6" fmla="*/ 2275115 w 2319906"/>
              <a:gd name="connsiteY6" fmla="*/ 696686 h 1822044"/>
              <a:gd name="connsiteX7" fmla="*/ 2318658 w 2319906"/>
              <a:gd name="connsiteY7" fmla="*/ 283029 h 182204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2319906" h="1822044">
                <a:moveTo>
                  <a:pt x="0" y="0"/>
                </a:moveTo>
                <a:lnTo>
                  <a:pt x="381000" y="881743"/>
                </a:lnTo>
                <a:lnTo>
                  <a:pt x="381000" y="881743"/>
                </a:lnTo>
                <a:cubicBezTo>
                  <a:pt x="457200" y="992414"/>
                  <a:pt x="627743" y="1389743"/>
                  <a:pt x="838200" y="1545772"/>
                </a:cubicBezTo>
                <a:cubicBezTo>
                  <a:pt x="1048657" y="1701801"/>
                  <a:pt x="1445986" y="1848757"/>
                  <a:pt x="1643743" y="1817914"/>
                </a:cubicBezTo>
                <a:cubicBezTo>
                  <a:pt x="1841500" y="1787071"/>
                  <a:pt x="1919514" y="1547585"/>
                  <a:pt x="2024743" y="1360714"/>
                </a:cubicBezTo>
                <a:cubicBezTo>
                  <a:pt x="2129972" y="1173843"/>
                  <a:pt x="2226129" y="876300"/>
                  <a:pt x="2275115" y="696686"/>
                </a:cubicBezTo>
                <a:cubicBezTo>
                  <a:pt x="2324101" y="517072"/>
                  <a:pt x="2321379" y="400050"/>
                  <a:pt x="2318658" y="283029"/>
                </a:cubicBezTo>
              </a:path>
            </a:pathLst>
          </a:custGeom>
          <a:noFill/>
          <a:ln w="1270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53" name="Straight Arrow Connector 52">
            <a:extLst>
              <a:ext uri="{FF2B5EF4-FFF2-40B4-BE49-F238E27FC236}">
                <a16:creationId xmlns:a16="http://schemas.microsoft.com/office/drawing/2014/main" id="{04D6325B-1C85-8E8A-5AD4-9D80A61E9459}"/>
              </a:ext>
            </a:extLst>
          </p:cNvPr>
          <p:cNvCxnSpPr>
            <a:cxnSpLocks/>
          </p:cNvCxnSpPr>
          <p:nvPr/>
        </p:nvCxnSpPr>
        <p:spPr bwMode="gray">
          <a:xfrm>
            <a:off x="9836316" y="5184846"/>
            <a:ext cx="131174" cy="222533"/>
          </a:xfrm>
          <a:prstGeom prst="straightConnector1">
            <a:avLst/>
          </a:prstGeom>
          <a:ln w="22225">
            <a:solidFill>
              <a:schemeClr val="accent5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Oval 55">
            <a:extLst>
              <a:ext uri="{FF2B5EF4-FFF2-40B4-BE49-F238E27FC236}">
                <a16:creationId xmlns:a16="http://schemas.microsoft.com/office/drawing/2014/main" id="{7E1F355F-4CA6-21D6-07D4-325CCAD3682F}"/>
              </a:ext>
            </a:extLst>
          </p:cNvPr>
          <p:cNvSpPr/>
          <p:nvPr/>
        </p:nvSpPr>
        <p:spPr bwMode="gray">
          <a:xfrm>
            <a:off x="10067268" y="5567730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57" name="Oval 56">
            <a:extLst>
              <a:ext uri="{FF2B5EF4-FFF2-40B4-BE49-F238E27FC236}">
                <a16:creationId xmlns:a16="http://schemas.microsoft.com/office/drawing/2014/main" id="{B44E346B-C186-F66F-5EB6-4F482178BD15}"/>
              </a:ext>
            </a:extLst>
          </p:cNvPr>
          <p:cNvSpPr/>
          <p:nvPr/>
        </p:nvSpPr>
        <p:spPr bwMode="gray">
          <a:xfrm>
            <a:off x="10263212" y="5714687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58" name="Oval 57">
            <a:extLst>
              <a:ext uri="{FF2B5EF4-FFF2-40B4-BE49-F238E27FC236}">
                <a16:creationId xmlns:a16="http://schemas.microsoft.com/office/drawing/2014/main" id="{1F1533F8-5652-047F-2281-34C13F7BEECA}"/>
              </a:ext>
            </a:extLst>
          </p:cNvPr>
          <p:cNvSpPr/>
          <p:nvPr/>
        </p:nvSpPr>
        <p:spPr bwMode="gray">
          <a:xfrm>
            <a:off x="10442827" y="5812657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59" name="Oval 58">
            <a:extLst>
              <a:ext uri="{FF2B5EF4-FFF2-40B4-BE49-F238E27FC236}">
                <a16:creationId xmlns:a16="http://schemas.microsoft.com/office/drawing/2014/main" id="{12A750BD-F1D1-E969-95D2-DF4566287233}"/>
              </a:ext>
            </a:extLst>
          </p:cNvPr>
          <p:cNvSpPr/>
          <p:nvPr/>
        </p:nvSpPr>
        <p:spPr bwMode="gray">
          <a:xfrm>
            <a:off x="10671427" y="5873301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cxnSp>
        <p:nvCxnSpPr>
          <p:cNvPr id="61" name="Straight Connector 60">
            <a:extLst>
              <a:ext uri="{FF2B5EF4-FFF2-40B4-BE49-F238E27FC236}">
                <a16:creationId xmlns:a16="http://schemas.microsoft.com/office/drawing/2014/main" id="{0A01EBE8-0744-F8FB-78E0-CE5D3D2C7792}"/>
              </a:ext>
            </a:extLst>
          </p:cNvPr>
          <p:cNvCxnSpPr>
            <a:cxnSpLocks/>
          </p:cNvCxnSpPr>
          <p:nvPr/>
        </p:nvCxnSpPr>
        <p:spPr bwMode="gray">
          <a:xfrm flipV="1">
            <a:off x="535524" y="3585406"/>
            <a:ext cx="4371546" cy="1462218"/>
          </a:xfrm>
          <a:prstGeom prst="line">
            <a:avLst/>
          </a:prstGeom>
          <a:ln w="381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Straight Connector 63">
            <a:extLst>
              <a:ext uri="{FF2B5EF4-FFF2-40B4-BE49-F238E27FC236}">
                <a16:creationId xmlns:a16="http://schemas.microsoft.com/office/drawing/2014/main" id="{3ADEF76F-1014-1D49-FF5D-86E0106827AF}"/>
              </a:ext>
            </a:extLst>
          </p:cNvPr>
          <p:cNvCxnSpPr>
            <a:cxnSpLocks/>
          </p:cNvCxnSpPr>
          <p:nvPr/>
        </p:nvCxnSpPr>
        <p:spPr bwMode="gray">
          <a:xfrm flipV="1">
            <a:off x="552498" y="3293723"/>
            <a:ext cx="4373061" cy="1786472"/>
          </a:xfrm>
          <a:prstGeom prst="line">
            <a:avLst/>
          </a:prstGeom>
          <a:ln w="381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Straight Connector 66">
            <a:extLst>
              <a:ext uri="{FF2B5EF4-FFF2-40B4-BE49-F238E27FC236}">
                <a16:creationId xmlns:a16="http://schemas.microsoft.com/office/drawing/2014/main" id="{4EEF457C-0ACF-4CF9-81EC-909D4DC7B952}"/>
              </a:ext>
            </a:extLst>
          </p:cNvPr>
          <p:cNvCxnSpPr>
            <a:cxnSpLocks/>
          </p:cNvCxnSpPr>
          <p:nvPr/>
        </p:nvCxnSpPr>
        <p:spPr bwMode="gray">
          <a:xfrm flipV="1">
            <a:off x="552498" y="2979027"/>
            <a:ext cx="4211027" cy="2101168"/>
          </a:xfrm>
          <a:prstGeom prst="line">
            <a:avLst/>
          </a:prstGeom>
          <a:ln w="381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Straight Connector 69">
            <a:extLst>
              <a:ext uri="{FF2B5EF4-FFF2-40B4-BE49-F238E27FC236}">
                <a16:creationId xmlns:a16="http://schemas.microsoft.com/office/drawing/2014/main" id="{7DB1EEB8-F227-A04E-4F01-F7A2C7F5EBD5}"/>
              </a:ext>
            </a:extLst>
          </p:cNvPr>
          <p:cNvCxnSpPr>
            <a:cxnSpLocks/>
          </p:cNvCxnSpPr>
          <p:nvPr/>
        </p:nvCxnSpPr>
        <p:spPr bwMode="gray">
          <a:xfrm flipV="1">
            <a:off x="552498" y="2737019"/>
            <a:ext cx="4141027" cy="2303069"/>
          </a:xfrm>
          <a:prstGeom prst="line">
            <a:avLst/>
          </a:prstGeom>
          <a:ln w="381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3" name="Straight Connector 72">
            <a:extLst>
              <a:ext uri="{FF2B5EF4-FFF2-40B4-BE49-F238E27FC236}">
                <a16:creationId xmlns:a16="http://schemas.microsoft.com/office/drawing/2014/main" id="{26FBBFA4-BCBD-5050-08E3-7D2861C95574}"/>
              </a:ext>
            </a:extLst>
          </p:cNvPr>
          <p:cNvCxnSpPr>
            <a:cxnSpLocks/>
          </p:cNvCxnSpPr>
          <p:nvPr/>
        </p:nvCxnSpPr>
        <p:spPr bwMode="gray">
          <a:xfrm flipV="1">
            <a:off x="552498" y="2603820"/>
            <a:ext cx="4022838" cy="2436268"/>
          </a:xfrm>
          <a:prstGeom prst="line">
            <a:avLst/>
          </a:prstGeom>
          <a:ln w="381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77" name="TextBox 76">
                <a:extLst>
                  <a:ext uri="{FF2B5EF4-FFF2-40B4-BE49-F238E27FC236}">
                    <a16:creationId xmlns:a16="http://schemas.microsoft.com/office/drawing/2014/main" id="{2A7CAAD4-02C8-585B-77E7-18149B2FF259}"/>
                  </a:ext>
                </a:extLst>
              </p:cNvPr>
              <p:cNvSpPr txBox="1"/>
              <p:nvPr/>
            </p:nvSpPr>
            <p:spPr bwMode="gray">
              <a:xfrm>
                <a:off x="8419241" y="5096302"/>
                <a:ext cx="747068" cy="44060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no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1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</a:rPr>
                        <m:t>𝑱</m:t>
                      </m:r>
                      <m:d>
                        <m:dPr>
                          <m:ctrlPr>
                            <a:rPr lang="en-US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b="1" i="1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</m:t>
                          </m:r>
                        </m:e>
                      </m:d>
                    </m:oMath>
                  </m:oMathPara>
                </a14:m>
                <a:endParaRPr lang="en-US" dirty="0">
                  <a:solidFill>
                    <a:schemeClr val="tx1"/>
                  </a:solidFill>
                  <a:latin typeface="Bahnschrift SemiCondensed" panose="020B0502040204020203" pitchFamily="34" charset="0"/>
                </a:endParaRPr>
              </a:p>
            </p:txBody>
          </p:sp>
        </mc:Choice>
        <mc:Fallback xmlns="">
          <p:sp>
            <p:nvSpPr>
              <p:cNvPr id="77" name="TextBox 76">
                <a:extLst>
                  <a:ext uri="{FF2B5EF4-FFF2-40B4-BE49-F238E27FC236}">
                    <a16:creationId xmlns:a16="http://schemas.microsoft.com/office/drawing/2014/main" id="{2A7CAAD4-02C8-585B-77E7-18149B2FF25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8419241" y="5096302"/>
                <a:ext cx="747068" cy="440606"/>
              </a:xfrm>
              <a:prstGeom prst="rect">
                <a:avLst/>
              </a:prstGeom>
              <a:blipFill>
                <a:blip r:embed="rId2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78" name="TextBox 77">
                <a:extLst>
                  <a:ext uri="{FF2B5EF4-FFF2-40B4-BE49-F238E27FC236}">
                    <a16:creationId xmlns:a16="http://schemas.microsoft.com/office/drawing/2014/main" id="{4888E6B8-485C-2397-0EE8-6200153B19C4}"/>
                  </a:ext>
                </a:extLst>
              </p:cNvPr>
              <p:cNvSpPr txBox="1"/>
              <p:nvPr/>
            </p:nvSpPr>
            <p:spPr bwMode="gray">
              <a:xfrm>
                <a:off x="9738319" y="6423351"/>
                <a:ext cx="1181638" cy="287965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no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</a:rPr>
                        <m:t>𝑖𝑡𝑒𝑟𝑎𝑡𝑖𝑜𝑛𝑠</m:t>
                      </m:r>
                    </m:oMath>
                  </m:oMathPara>
                </a14:m>
                <a:endParaRPr lang="en-US" sz="1600" dirty="0">
                  <a:solidFill>
                    <a:schemeClr val="tx1"/>
                  </a:solidFill>
                  <a:latin typeface="Bahnschrift SemiCondensed" panose="020B0502040204020203" pitchFamily="34" charset="0"/>
                </a:endParaRPr>
              </a:p>
            </p:txBody>
          </p:sp>
        </mc:Choice>
        <mc:Fallback xmlns="">
          <p:sp>
            <p:nvSpPr>
              <p:cNvPr id="78" name="TextBox 77">
                <a:extLst>
                  <a:ext uri="{FF2B5EF4-FFF2-40B4-BE49-F238E27FC236}">
                    <a16:creationId xmlns:a16="http://schemas.microsoft.com/office/drawing/2014/main" id="{4888E6B8-485C-2397-0EE8-6200153B19C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9738319" y="6423351"/>
                <a:ext cx="1181638" cy="287965"/>
              </a:xfrm>
              <a:prstGeom prst="rect">
                <a:avLst/>
              </a:prstGeom>
              <a:blipFill>
                <a:blip r:embed="rId2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7EC91284-FA0F-FB19-D342-2E5DECD2BA74}"/>
              </a:ext>
            </a:extLst>
          </p:cNvPr>
          <p:cNvCxnSpPr/>
          <p:nvPr/>
        </p:nvCxnSpPr>
        <p:spPr bwMode="gray">
          <a:xfrm flipH="1">
            <a:off x="10238652" y="5950808"/>
            <a:ext cx="987511" cy="0"/>
          </a:xfrm>
          <a:prstGeom prst="line">
            <a:avLst/>
          </a:prstGeom>
          <a:ln w="28575">
            <a:solidFill>
              <a:srgbClr val="0070C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740345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1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" fill="hold">
                      <p:stCondLst>
                        <p:cond delay="indefinite"/>
                      </p:stCondLst>
                      <p:childTnLst>
                        <p:par>
                          <p:cTn id="13" fill="hold">
                            <p:stCondLst>
                              <p:cond delay="0"/>
                            </p:stCondLst>
                            <p:childTnLst>
                              <p:par>
                                <p:cTn id="1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6" fill="hold">
                      <p:stCondLst>
                        <p:cond delay="indefinite"/>
                      </p:stCondLst>
                      <p:childTnLst>
                        <p:par>
                          <p:cTn id="47" fill="hold">
                            <p:stCondLst>
                              <p:cond delay="0"/>
                            </p:stCondLst>
                            <p:childTnLst>
                              <p:par>
                                <p:cTn id="48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53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8" fill="hold">
                      <p:stCondLst>
                        <p:cond delay="indefinite"/>
                      </p:stCondLst>
                      <p:childTnLst>
                        <p:par>
                          <p:cTn id="59" fill="hold">
                            <p:stCondLst>
                              <p:cond delay="0"/>
                            </p:stCondLst>
                            <p:childTnLst>
                              <p:par>
                                <p:cTn id="60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65" dur="5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0" fill="hold">
                      <p:stCondLst>
                        <p:cond delay="indefinite"/>
                      </p:stCondLst>
                      <p:childTnLst>
                        <p:par>
                          <p:cTn id="71" fill="hold">
                            <p:stCondLst>
                              <p:cond delay="0"/>
                            </p:stCondLst>
                            <p:childTnLst>
                              <p:par>
                                <p:cTn id="72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0" fill="hold">
                            <p:stCondLst>
                              <p:cond delay="0"/>
                            </p:stCondLst>
                            <p:childTnLst>
                              <p:par>
                                <p:cTn id="81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83" dur="500"/>
                                        <p:tgtEl>
                                          <p:spTgt spid="6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4" fill="hold">
                      <p:stCondLst>
                        <p:cond delay="indefinite"/>
                      </p:stCondLst>
                      <p:childTnLst>
                        <p:par>
                          <p:cTn id="85" fill="hold">
                            <p:stCondLst>
                              <p:cond delay="0"/>
                            </p:stCondLst>
                            <p:childTnLst>
                              <p:par>
                                <p:cTn id="8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8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9" fill="hold">
                      <p:stCondLst>
                        <p:cond delay="indefinite"/>
                      </p:stCondLst>
                      <p:childTnLst>
                        <p:par>
                          <p:cTn id="90" fill="hold">
                            <p:stCondLst>
                              <p:cond delay="0"/>
                            </p:stCondLst>
                            <p:childTnLst>
                              <p:par>
                                <p:cTn id="9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5" fill="hold">
                            <p:stCondLst>
                              <p:cond delay="0"/>
                            </p:stCondLst>
                            <p:childTnLst>
                              <p:par>
                                <p:cTn id="96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98" dur="500"/>
                                        <p:tgtEl>
                                          <p:spTgt spid="6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9" fill="hold">
                      <p:stCondLst>
                        <p:cond delay="indefinite"/>
                      </p:stCondLst>
                      <p:childTnLst>
                        <p:par>
                          <p:cTn id="100" fill="hold">
                            <p:stCondLst>
                              <p:cond delay="0"/>
                            </p:stCondLst>
                            <p:childTnLst>
                              <p:par>
                                <p:cTn id="10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03" fill="hold">
                            <p:stCondLst>
                              <p:cond delay="0"/>
                            </p:stCondLst>
                            <p:childTnLst>
                              <p:par>
                                <p:cTn id="104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06" dur="500"/>
                                        <p:tgtEl>
                                          <p:spTgt spid="6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9" fill="hold">
                      <p:stCondLst>
                        <p:cond delay="indefinite"/>
                      </p:stCondLst>
                      <p:childTnLst>
                        <p:par>
                          <p:cTn id="110" fill="hold">
                            <p:stCondLst>
                              <p:cond delay="0"/>
                            </p:stCondLst>
                            <p:childTnLst>
                              <p:par>
                                <p:cTn id="11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3" fill="hold">
                            <p:stCondLst>
                              <p:cond delay="0"/>
                            </p:stCondLst>
                            <p:childTnLst>
                              <p:par>
                                <p:cTn id="114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16" dur="500"/>
                                        <p:tgtEl>
                                          <p:spTgt spid="7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9" fill="hold">
                      <p:stCondLst>
                        <p:cond delay="indefinite"/>
                      </p:stCondLst>
                      <p:childTnLst>
                        <p:par>
                          <p:cTn id="120" fill="hold">
                            <p:stCondLst>
                              <p:cond delay="0"/>
                            </p:stCondLst>
                            <p:childTnLst>
                              <p:par>
                                <p:cTn id="1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3" fill="hold">
                            <p:stCondLst>
                              <p:cond delay="0"/>
                            </p:stCondLst>
                            <p:childTnLst>
                              <p:par>
                                <p:cTn id="124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26" dur="500"/>
                                        <p:tgtEl>
                                          <p:spTgt spid="7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1" fill="hold">
                      <p:stCondLst>
                        <p:cond delay="indefinite"/>
                      </p:stCondLst>
                      <p:childTnLst>
                        <p:par>
                          <p:cTn id="132" fill="hold">
                            <p:stCondLst>
                              <p:cond delay="0"/>
                            </p:stCondLst>
                            <p:childTnLst>
                              <p:par>
                                <p:cTn id="13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5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6" fill="hold">
                            <p:stCondLst>
                              <p:cond delay="500"/>
                            </p:stCondLst>
                            <p:childTnLst>
                              <p:par>
                                <p:cTn id="13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9" dur="250"/>
                                        <p:tgtEl>
                                          <p:spTgt spid="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40" fill="hold">
                            <p:stCondLst>
                              <p:cond delay="750"/>
                            </p:stCondLst>
                            <p:childTnLst>
                              <p:par>
                                <p:cTn id="14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3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6" dur="25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/>
      <p:bldP spid="17" grpId="0"/>
      <p:bldP spid="18" grpId="0"/>
      <p:bldP spid="20" grpId="0"/>
      <p:bldP spid="22" grpId="0"/>
      <p:bldP spid="23" grpId="0"/>
      <p:bldP spid="30" grpId="0"/>
      <p:bldP spid="31" grpId="0"/>
      <p:bldP spid="32" grpId="0"/>
      <p:bldP spid="33" grpId="0"/>
      <p:bldP spid="34" grpId="0"/>
      <p:bldP spid="39" grpId="0" animBg="1"/>
      <p:bldP spid="40" grpId="0" animBg="1"/>
      <p:bldP spid="43" grpId="0" animBg="1"/>
      <p:bldP spid="45" grpId="0" animBg="1"/>
      <p:bldP spid="48" grpId="0" animBg="1"/>
      <p:bldP spid="56" grpId="0" animBg="1"/>
      <p:bldP spid="57" grpId="0" animBg="1"/>
      <p:bldP spid="58" grpId="0" animBg="1"/>
      <p:bldP spid="59" grpId="0" animBg="1"/>
      <p:bldP spid="77" grpId="0"/>
      <p:bldP spid="78" grpId="0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Diagram 1">
            <a:extLst>
              <a:ext uri="{FF2B5EF4-FFF2-40B4-BE49-F238E27FC236}">
                <a16:creationId xmlns:a16="http://schemas.microsoft.com/office/drawing/2014/main" id="{D8E22BFE-54E6-3622-77B3-167A73E1750A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167032345"/>
              </p:ext>
            </p:extLst>
          </p:nvPr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3" name="TextBox 2">
            <a:extLst>
              <a:ext uri="{FF2B5EF4-FFF2-40B4-BE49-F238E27FC236}">
                <a16:creationId xmlns:a16="http://schemas.microsoft.com/office/drawing/2014/main" id="{FCB79B68-AA74-D514-32BF-90D0FA747F78}"/>
              </a:ext>
            </a:extLst>
          </p:cNvPr>
          <p:cNvSpPr txBox="1"/>
          <p:nvPr/>
        </p:nvSpPr>
        <p:spPr bwMode="gray">
          <a:xfrm>
            <a:off x="584201" y="228966"/>
            <a:ext cx="5152570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(</a:t>
            </a:r>
            <a:r>
              <a:rPr lang="en-US" sz="2800" dirty="0" err="1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contd</a:t>
            </a:r>
            <a:r>
              <a:rPr lang="en-US" sz="2800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…)</a:t>
            </a: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 Regression ML</a:t>
            </a:r>
            <a:endParaRPr lang="en-US" sz="3000" b="1" dirty="0">
              <a:solidFill>
                <a:srgbClr val="0070C0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9153713E-2C3F-9A17-D9DF-BE8C63B51E1E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5" name="Picture 4">
            <a:extLst>
              <a:ext uri="{FF2B5EF4-FFF2-40B4-BE49-F238E27FC236}">
                <a16:creationId xmlns:a16="http://schemas.microsoft.com/office/drawing/2014/main" id="{B643ADB2-C451-C8A1-FBC0-7AA204A681CD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7086" y="2242886"/>
            <a:ext cx="3616518" cy="2879786"/>
          </a:xfrm>
          <a:prstGeom prst="rect">
            <a:avLst/>
          </a:prstGeom>
        </p:spPr>
      </p:pic>
      <p:sp>
        <p:nvSpPr>
          <p:cNvPr id="6" name="Oval 5">
            <a:extLst>
              <a:ext uri="{FF2B5EF4-FFF2-40B4-BE49-F238E27FC236}">
                <a16:creationId xmlns:a16="http://schemas.microsoft.com/office/drawing/2014/main" id="{12A0C8CE-7540-4D19-E172-1069DCB2F7AC}"/>
              </a:ext>
            </a:extLst>
          </p:cNvPr>
          <p:cNvSpPr/>
          <p:nvPr/>
        </p:nvSpPr>
        <p:spPr bwMode="gray">
          <a:xfrm>
            <a:off x="1073480" y="2744450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C6008757-BE75-3062-6672-0AF582A58F06}"/>
              </a:ext>
            </a:extLst>
          </p:cNvPr>
          <p:cNvSpPr/>
          <p:nvPr/>
        </p:nvSpPr>
        <p:spPr bwMode="gray">
          <a:xfrm>
            <a:off x="1291199" y="3237031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AB04BEDE-56B5-E970-2CA5-A1E3C0BD6B5C}"/>
              </a:ext>
            </a:extLst>
          </p:cNvPr>
          <p:cNvCxnSpPr>
            <a:cxnSpLocks/>
          </p:cNvCxnSpPr>
          <p:nvPr/>
        </p:nvCxnSpPr>
        <p:spPr bwMode="gray">
          <a:xfrm>
            <a:off x="1148394" y="2779829"/>
            <a:ext cx="186347" cy="500746"/>
          </a:xfrm>
          <a:prstGeom prst="straightConnector1">
            <a:avLst/>
          </a:prstGeom>
          <a:ln w="22225">
            <a:solidFill>
              <a:schemeClr val="accent5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Oval 8">
            <a:extLst>
              <a:ext uri="{FF2B5EF4-FFF2-40B4-BE49-F238E27FC236}">
                <a16:creationId xmlns:a16="http://schemas.microsoft.com/office/drawing/2014/main" id="{B6CDF15D-9601-721F-6C35-960BEDB381BC}"/>
              </a:ext>
            </a:extLst>
          </p:cNvPr>
          <p:cNvSpPr/>
          <p:nvPr/>
        </p:nvSpPr>
        <p:spPr bwMode="gray">
          <a:xfrm>
            <a:off x="1465369" y="3726888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044114BA-8331-E148-887F-B63F5B78DFA3}"/>
              </a:ext>
            </a:extLst>
          </p:cNvPr>
          <p:cNvCxnSpPr>
            <a:cxnSpLocks/>
          </p:cNvCxnSpPr>
          <p:nvPr/>
        </p:nvCxnSpPr>
        <p:spPr bwMode="gray">
          <a:xfrm>
            <a:off x="1356513" y="3307788"/>
            <a:ext cx="183768" cy="475605"/>
          </a:xfrm>
          <a:prstGeom prst="straightConnector1">
            <a:avLst/>
          </a:prstGeom>
          <a:ln w="22225">
            <a:solidFill>
              <a:schemeClr val="accent5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837435D3-3450-BFD2-A4D7-D38DA8169917}"/>
              </a:ext>
            </a:extLst>
          </p:cNvPr>
          <p:cNvSpPr/>
          <p:nvPr/>
        </p:nvSpPr>
        <p:spPr bwMode="gray">
          <a:xfrm>
            <a:off x="1628657" y="4007828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8798B5AD-A966-7B6C-71AA-E3526E6B6AEF}"/>
              </a:ext>
            </a:extLst>
          </p:cNvPr>
          <p:cNvSpPr/>
          <p:nvPr/>
        </p:nvSpPr>
        <p:spPr bwMode="gray">
          <a:xfrm>
            <a:off x="1148394" y="2754900"/>
            <a:ext cx="1958619" cy="1822044"/>
          </a:xfrm>
          <a:custGeom>
            <a:avLst/>
            <a:gdLst>
              <a:gd name="connsiteX0" fmla="*/ 0 w 2319906"/>
              <a:gd name="connsiteY0" fmla="*/ 0 h 1822044"/>
              <a:gd name="connsiteX1" fmla="*/ 381000 w 2319906"/>
              <a:gd name="connsiteY1" fmla="*/ 881743 h 1822044"/>
              <a:gd name="connsiteX2" fmla="*/ 381000 w 2319906"/>
              <a:gd name="connsiteY2" fmla="*/ 881743 h 1822044"/>
              <a:gd name="connsiteX3" fmla="*/ 838200 w 2319906"/>
              <a:gd name="connsiteY3" fmla="*/ 1545772 h 1822044"/>
              <a:gd name="connsiteX4" fmla="*/ 1643743 w 2319906"/>
              <a:gd name="connsiteY4" fmla="*/ 1817914 h 1822044"/>
              <a:gd name="connsiteX5" fmla="*/ 2024743 w 2319906"/>
              <a:gd name="connsiteY5" fmla="*/ 1360714 h 1822044"/>
              <a:gd name="connsiteX6" fmla="*/ 2275115 w 2319906"/>
              <a:gd name="connsiteY6" fmla="*/ 696686 h 1822044"/>
              <a:gd name="connsiteX7" fmla="*/ 2318658 w 2319906"/>
              <a:gd name="connsiteY7" fmla="*/ 283029 h 182204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2319906" h="1822044">
                <a:moveTo>
                  <a:pt x="0" y="0"/>
                </a:moveTo>
                <a:lnTo>
                  <a:pt x="381000" y="881743"/>
                </a:lnTo>
                <a:lnTo>
                  <a:pt x="381000" y="881743"/>
                </a:lnTo>
                <a:cubicBezTo>
                  <a:pt x="457200" y="992414"/>
                  <a:pt x="627743" y="1389743"/>
                  <a:pt x="838200" y="1545772"/>
                </a:cubicBezTo>
                <a:cubicBezTo>
                  <a:pt x="1048657" y="1701801"/>
                  <a:pt x="1445986" y="1848757"/>
                  <a:pt x="1643743" y="1817914"/>
                </a:cubicBezTo>
                <a:cubicBezTo>
                  <a:pt x="1841500" y="1787071"/>
                  <a:pt x="1919514" y="1547585"/>
                  <a:pt x="2024743" y="1360714"/>
                </a:cubicBezTo>
                <a:cubicBezTo>
                  <a:pt x="2129972" y="1173843"/>
                  <a:pt x="2226129" y="876300"/>
                  <a:pt x="2275115" y="696686"/>
                </a:cubicBezTo>
                <a:cubicBezTo>
                  <a:pt x="2324101" y="517072"/>
                  <a:pt x="2321379" y="400050"/>
                  <a:pt x="2318658" y="283029"/>
                </a:cubicBezTo>
              </a:path>
            </a:pathLst>
          </a:custGeom>
          <a:noFill/>
          <a:ln w="1270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43DAC802-5203-D203-052B-13DA748C7BD7}"/>
              </a:ext>
            </a:extLst>
          </p:cNvPr>
          <p:cNvCxnSpPr>
            <a:cxnSpLocks/>
          </p:cNvCxnSpPr>
          <p:nvPr/>
        </p:nvCxnSpPr>
        <p:spPr bwMode="gray">
          <a:xfrm>
            <a:off x="1533776" y="3810002"/>
            <a:ext cx="131174" cy="222533"/>
          </a:xfrm>
          <a:prstGeom prst="straightConnector1">
            <a:avLst/>
          </a:prstGeom>
          <a:ln w="22225">
            <a:solidFill>
              <a:schemeClr val="accent5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Oval 13">
            <a:extLst>
              <a:ext uri="{FF2B5EF4-FFF2-40B4-BE49-F238E27FC236}">
                <a16:creationId xmlns:a16="http://schemas.microsoft.com/office/drawing/2014/main" id="{E1E04288-9A05-A175-DC05-622615E39F96}"/>
              </a:ext>
            </a:extLst>
          </p:cNvPr>
          <p:cNvSpPr/>
          <p:nvPr/>
        </p:nvSpPr>
        <p:spPr bwMode="gray">
          <a:xfrm>
            <a:off x="1764728" y="4192886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9DA1FD13-39C3-CB81-DAEF-5F3EC7688E34}"/>
              </a:ext>
            </a:extLst>
          </p:cNvPr>
          <p:cNvSpPr/>
          <p:nvPr/>
        </p:nvSpPr>
        <p:spPr bwMode="gray">
          <a:xfrm>
            <a:off x="1960672" y="4339843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71C54FE5-4C17-018F-C706-C39D7B684126}"/>
              </a:ext>
            </a:extLst>
          </p:cNvPr>
          <p:cNvSpPr/>
          <p:nvPr/>
        </p:nvSpPr>
        <p:spPr bwMode="gray">
          <a:xfrm>
            <a:off x="2140287" y="4437813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F0D0A63F-3E81-728D-446E-0ABEAC93025D}"/>
              </a:ext>
            </a:extLst>
          </p:cNvPr>
          <p:cNvSpPr/>
          <p:nvPr/>
        </p:nvSpPr>
        <p:spPr bwMode="gray">
          <a:xfrm>
            <a:off x="2368887" y="4498457"/>
            <a:ext cx="152400" cy="14151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A28EB96E-E87F-820F-BE67-6C92BADBA140}"/>
                  </a:ext>
                </a:extLst>
              </p:cNvPr>
              <p:cNvSpPr txBox="1"/>
              <p:nvPr/>
            </p:nvSpPr>
            <p:spPr bwMode="gray">
              <a:xfrm>
                <a:off x="131852" y="3523615"/>
                <a:ext cx="747068" cy="44060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no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1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</a:rPr>
                        <m:t>𝑱</m:t>
                      </m:r>
                      <m:d>
                        <m:dPr>
                          <m:ctrlPr>
                            <a:rPr lang="en-US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b="1" i="1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</m:t>
                          </m:r>
                        </m:e>
                      </m:d>
                    </m:oMath>
                  </m:oMathPara>
                </a14:m>
                <a:endParaRPr lang="en-US" dirty="0">
                  <a:solidFill>
                    <a:schemeClr val="tx1"/>
                  </a:solidFill>
                  <a:latin typeface="Bahnschrift SemiCondensed" panose="020B0502040204020203" pitchFamily="34" charset="0"/>
                </a:endParaRPr>
              </a:p>
            </p:txBody>
          </p:sp>
        </mc:Choice>
        <mc:Fallback xmlns="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A28EB96E-E87F-820F-BE67-6C92BADBA14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31852" y="3523615"/>
                <a:ext cx="747068" cy="440606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A82D675F-E61A-D4F6-03BF-D9BCB38533CA}"/>
                  </a:ext>
                </a:extLst>
              </p:cNvPr>
              <p:cNvSpPr txBox="1"/>
              <p:nvPr/>
            </p:nvSpPr>
            <p:spPr bwMode="gray">
              <a:xfrm>
                <a:off x="1435779" y="5048507"/>
                <a:ext cx="1181638" cy="287965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no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</a:rPr>
                        <m:t>𝑖𝑡𝑒𝑟𝑎𝑡𝑖𝑜𝑛𝑠</m:t>
                      </m:r>
                    </m:oMath>
                  </m:oMathPara>
                </a14:m>
                <a:endParaRPr lang="en-US" sz="1600" dirty="0">
                  <a:solidFill>
                    <a:schemeClr val="tx1"/>
                  </a:solidFill>
                  <a:latin typeface="Bahnschrift SemiCondensed" panose="020B0502040204020203" pitchFamily="34" charset="0"/>
                </a:endParaRPr>
              </a:p>
            </p:txBody>
          </p:sp>
        </mc:Choice>
        <mc:Fallback xmlns=""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A82D675F-E61A-D4F6-03BF-D9BCB38533C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435779" y="5048507"/>
                <a:ext cx="1181638" cy="287965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F44AAF8F-B0AE-DD53-7AFC-273D92667138}"/>
              </a:ext>
            </a:extLst>
          </p:cNvPr>
          <p:cNvCxnSpPr>
            <a:cxnSpLocks/>
          </p:cNvCxnSpPr>
          <p:nvPr/>
        </p:nvCxnSpPr>
        <p:spPr bwMode="gray">
          <a:xfrm flipH="1">
            <a:off x="199203" y="4601871"/>
            <a:ext cx="2245884" cy="0"/>
          </a:xfrm>
          <a:prstGeom prst="line">
            <a:avLst/>
          </a:prstGeom>
          <a:ln w="19050">
            <a:solidFill>
              <a:schemeClr val="tx2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EEAF6D0C-6A9A-C406-15BF-F6FD09E17906}"/>
              </a:ext>
            </a:extLst>
          </p:cNvPr>
          <p:cNvSpPr txBox="1"/>
          <p:nvPr/>
        </p:nvSpPr>
        <p:spPr bwMode="gray">
          <a:xfrm>
            <a:off x="1982751" y="4644185"/>
            <a:ext cx="1258517" cy="37148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1600" dirty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ocal Optima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0E8A2D4-B636-75C5-D60F-4B79BFA5D42F}"/>
              </a:ext>
            </a:extLst>
          </p:cNvPr>
          <p:cNvSpPr txBox="1"/>
          <p:nvPr/>
        </p:nvSpPr>
        <p:spPr bwMode="gray">
          <a:xfrm>
            <a:off x="4154024" y="1139744"/>
            <a:ext cx="5826638" cy="45277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Stochastic Gradient Descent</a:t>
            </a:r>
            <a:endParaRPr lang="en-US" sz="2400" dirty="0">
              <a:latin typeface="Arial" panose="020B0604020202020204" pitchFamily="34" charset="0"/>
              <a:cs typeface="Arial" panose="020B0604020202020204" pitchFamily="34" charset="0"/>
              <a:sym typeface="Symbol" panose="05050102010706020507" pitchFamily="18" charset="2"/>
            </a:endParaRPr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4507E1DC-7335-D963-F376-8A5E9598BD5A}"/>
              </a:ext>
            </a:extLst>
          </p:cNvPr>
          <p:cNvPicPr>
            <a:picLocks noChangeAspect="1"/>
          </p:cNvPicPr>
          <p:nvPr/>
        </p:nvPicPr>
        <p:blipFill rotWithShape="1">
          <a:blip r:embed="rId10"/>
          <a:srcRect l="5104" r="4140"/>
          <a:stretch/>
        </p:blipFill>
        <p:spPr>
          <a:xfrm>
            <a:off x="3776027" y="1662861"/>
            <a:ext cx="3896335" cy="3765458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756FEBC1-6A2A-384F-38B5-B6AFA0763AE8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7672362" y="1662861"/>
            <a:ext cx="4465458" cy="3839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92743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2" grpId="0"/>
      <p:bldP spid="23" grpId="0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>
            <a:extLst>
              <a:ext uri="{FF2B5EF4-FFF2-40B4-BE49-F238E27FC236}">
                <a16:creationId xmlns:a16="http://schemas.microsoft.com/office/drawing/2014/main" id="{5FCA1ED0-B683-7F85-A457-7FE4EA499B0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637614" y="1028910"/>
            <a:ext cx="6874890" cy="34374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0ADA8328-0330-FCF7-E4FA-974BAAF6D967}"/>
              </a:ext>
            </a:extLst>
          </p:cNvPr>
          <p:cNvSpPr txBox="1"/>
          <p:nvPr/>
        </p:nvSpPr>
        <p:spPr bwMode="gray">
          <a:xfrm>
            <a:off x="584201" y="228966"/>
            <a:ext cx="5152570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Regression Types</a:t>
            </a:r>
            <a:endParaRPr lang="en-US" sz="3000" b="1" dirty="0">
              <a:solidFill>
                <a:srgbClr val="0070C0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E5E55739-D53F-14BA-22B3-AA2108997521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E8A7ACAA-6D49-D09D-AAC8-E359E1F793A8}"/>
                  </a:ext>
                </a:extLst>
              </p:cNvPr>
              <p:cNvSpPr txBox="1"/>
              <p:nvPr/>
            </p:nvSpPr>
            <p:spPr bwMode="gray">
              <a:xfrm>
                <a:off x="2854396" y="4731112"/>
                <a:ext cx="2201671" cy="45558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US" sz="2400" dirty="0">
                    <a:solidFill>
                      <a:srgbClr val="0070C0"/>
                    </a:solidFill>
                  </a:rPr>
                  <a:t>(</a:t>
                </a:r>
                <a14:m>
                  <m:oMath xmlns:m="http://schemas.openxmlformats.org/officeDocument/2006/math">
                    <m:r>
                      <a:rPr lang="en-US" sz="24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h</m:t>
                    </m:r>
                    <m:d>
                      <m:dPr>
                        <m:ctrlPr>
                          <a:rPr lang="en-US" sz="2400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sz="24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</m:d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−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𝑌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)</m:t>
                    </m:r>
                  </m:oMath>
                </a14:m>
                <a:endParaRPr lang="en-US" sz="2400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E8A7ACAA-6D49-D09D-AAC8-E359E1F793A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2854396" y="4731112"/>
                <a:ext cx="2201671" cy="455586"/>
              </a:xfrm>
              <a:prstGeom prst="rect">
                <a:avLst/>
              </a:prstGeom>
              <a:blipFill>
                <a:blip r:embed="rId3"/>
                <a:stretch>
                  <a:fillRect l="-8310" t="-20000" b="-2133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" name="TextBox 4">
            <a:extLst>
              <a:ext uri="{FF2B5EF4-FFF2-40B4-BE49-F238E27FC236}">
                <a16:creationId xmlns:a16="http://schemas.microsoft.com/office/drawing/2014/main" id="{1D4B4476-E5CA-1223-2CC8-553EA351AC13}"/>
              </a:ext>
            </a:extLst>
          </p:cNvPr>
          <p:cNvSpPr txBox="1"/>
          <p:nvPr/>
        </p:nvSpPr>
        <p:spPr bwMode="gray">
          <a:xfrm>
            <a:off x="2496433" y="4568619"/>
            <a:ext cx="789161" cy="35077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4400" dirty="0">
                <a:solidFill>
                  <a:srgbClr val="0070C0"/>
                </a:solidFill>
                <a:sym typeface="Symbol" panose="05050102010706020507" pitchFamily="18" charset="2"/>
              </a:rPr>
              <a:t></a:t>
            </a:r>
            <a:endParaRPr lang="en-US" sz="4400" dirty="0">
              <a:solidFill>
                <a:srgbClr val="0070C0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97703A9-64F3-5901-5D3E-D39F8758B5DD}"/>
              </a:ext>
            </a:extLst>
          </p:cNvPr>
          <p:cNvSpPr txBox="1"/>
          <p:nvPr/>
        </p:nvSpPr>
        <p:spPr bwMode="gray">
          <a:xfrm>
            <a:off x="1442289" y="4779460"/>
            <a:ext cx="1374840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J =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F07D474F-6D33-2A7A-C5A9-E15DE0E07F43}"/>
                  </a:ext>
                </a:extLst>
              </p:cNvPr>
              <p:cNvSpPr txBox="1"/>
              <p:nvPr/>
            </p:nvSpPr>
            <p:spPr bwMode="gray">
              <a:xfrm>
                <a:off x="1901055" y="4523392"/>
                <a:ext cx="1000256" cy="881115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2</m:t>
                          </m:r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𝑚</m:t>
                          </m:r>
                        </m:den>
                      </m:f>
                    </m:oMath>
                  </m:oMathPara>
                </a14:m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F07D474F-6D33-2A7A-C5A9-E15DE0E07F4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901055" y="4523392"/>
                <a:ext cx="1000256" cy="881115"/>
              </a:xfrm>
              <a:prstGeom prst="rect">
                <a:avLst/>
              </a:prstGeom>
              <a:blipFill>
                <a:blip r:embed="rId4"/>
                <a:stretch>
                  <a:fillRect l="-61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8" name="TextBox 7">
            <a:extLst>
              <a:ext uri="{FF2B5EF4-FFF2-40B4-BE49-F238E27FC236}">
                <a16:creationId xmlns:a16="http://schemas.microsoft.com/office/drawing/2014/main" id="{AA4E12F0-C04D-F52C-1C75-1136B9381BC2}"/>
              </a:ext>
            </a:extLst>
          </p:cNvPr>
          <p:cNvSpPr txBox="1"/>
          <p:nvPr/>
        </p:nvSpPr>
        <p:spPr bwMode="gray">
          <a:xfrm>
            <a:off x="4238994" y="4598465"/>
            <a:ext cx="228655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2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B7EFF53B-4AC1-21DC-B943-C4134CA1E09C}"/>
                  </a:ext>
                </a:extLst>
              </p:cNvPr>
              <p:cNvSpPr txBox="1"/>
              <p:nvPr/>
            </p:nvSpPr>
            <p:spPr bwMode="gray">
              <a:xfrm>
                <a:off x="2892074" y="5737132"/>
                <a:ext cx="2525213" cy="49407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US" sz="2400" dirty="0">
                    <a:solidFill>
                      <a:srgbClr val="0070C0"/>
                    </a:solidFill>
                  </a:rPr>
                  <a:t>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𝒃</m:t>
                        </m:r>
                      </m:e>
                      <m:sub>
                        <m: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𝟎</m:t>
                        </m:r>
                      </m:sub>
                    </m:sSub>
                    <m:r>
                      <a:rPr lang="en-US" sz="2400" b="1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+</m:t>
                    </m:r>
                    <m:sSub>
                      <m:sSubPr>
                        <m:ctrlP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𝒃</m:t>
                        </m:r>
                      </m:e>
                      <m:sub>
                        <m: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𝟏</m:t>
                        </m:r>
                      </m:sub>
                    </m:sSub>
                    <m:r>
                      <a:rPr lang="en-US" sz="2400" b="1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𝒙</m:t>
                    </m:r>
                    <m:r>
                      <a:rPr lang="en-US" sz="2400" b="1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)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−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𝑌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)</m:t>
                    </m:r>
                  </m:oMath>
                </a14:m>
                <a:endParaRPr lang="en-US" sz="2400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B7EFF53B-4AC1-21DC-B943-C4134CA1E09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2892074" y="5737132"/>
                <a:ext cx="2525213" cy="494072"/>
              </a:xfrm>
              <a:prstGeom prst="rect">
                <a:avLst/>
              </a:prstGeom>
              <a:blipFill>
                <a:blip r:embed="rId5"/>
                <a:stretch>
                  <a:fillRect l="-7229" t="-18519" b="-12346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TextBox 9">
            <a:extLst>
              <a:ext uri="{FF2B5EF4-FFF2-40B4-BE49-F238E27FC236}">
                <a16:creationId xmlns:a16="http://schemas.microsoft.com/office/drawing/2014/main" id="{02327C21-48A5-15B3-D97E-E5C7C3B29849}"/>
              </a:ext>
            </a:extLst>
          </p:cNvPr>
          <p:cNvSpPr txBox="1"/>
          <p:nvPr/>
        </p:nvSpPr>
        <p:spPr bwMode="gray">
          <a:xfrm>
            <a:off x="2497251" y="5594293"/>
            <a:ext cx="789161" cy="35077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4400" dirty="0">
                <a:solidFill>
                  <a:srgbClr val="0070C0"/>
                </a:solidFill>
                <a:sym typeface="Symbol" panose="05050102010706020507" pitchFamily="18" charset="2"/>
              </a:rPr>
              <a:t></a:t>
            </a:r>
            <a:endParaRPr lang="en-US" sz="4400" dirty="0">
              <a:solidFill>
                <a:srgbClr val="0070C0"/>
              </a:solidFill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F2B95C7-8F2D-80E1-7C94-C280E29514C7}"/>
              </a:ext>
            </a:extLst>
          </p:cNvPr>
          <p:cNvSpPr txBox="1"/>
          <p:nvPr/>
        </p:nvSpPr>
        <p:spPr bwMode="gray">
          <a:xfrm>
            <a:off x="1411536" y="5811855"/>
            <a:ext cx="732034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J =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F3ECC4B8-79CF-BE29-DBD1-BB1008AD9C06}"/>
                  </a:ext>
                </a:extLst>
              </p:cNvPr>
              <p:cNvSpPr txBox="1"/>
              <p:nvPr/>
            </p:nvSpPr>
            <p:spPr bwMode="gray">
              <a:xfrm>
                <a:off x="1924744" y="5628203"/>
                <a:ext cx="789162" cy="689317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2</m:t>
                          </m:r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𝑚</m:t>
                          </m:r>
                        </m:den>
                      </m:f>
                    </m:oMath>
                  </m:oMathPara>
                </a14:m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F3ECC4B8-79CF-BE29-DBD1-BB1008AD9C0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924744" y="5628203"/>
                <a:ext cx="789162" cy="689317"/>
              </a:xfrm>
              <a:prstGeom prst="rect">
                <a:avLst/>
              </a:prstGeom>
              <a:blipFill>
                <a:blip r:embed="rId6"/>
                <a:stretch>
                  <a:fillRect l="-77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4" name="TextBox 13">
            <a:extLst>
              <a:ext uri="{FF2B5EF4-FFF2-40B4-BE49-F238E27FC236}">
                <a16:creationId xmlns:a16="http://schemas.microsoft.com/office/drawing/2014/main" id="{F392B6CD-2FDD-07C6-373B-1D0FFF825AB2}"/>
              </a:ext>
            </a:extLst>
          </p:cNvPr>
          <p:cNvSpPr txBox="1"/>
          <p:nvPr/>
        </p:nvSpPr>
        <p:spPr bwMode="gray">
          <a:xfrm>
            <a:off x="5025976" y="5605073"/>
            <a:ext cx="228655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2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53A15C6B-4473-1AC0-2466-5F0FACF382C2}"/>
                  </a:ext>
                </a:extLst>
              </p:cNvPr>
              <p:cNvSpPr txBox="1"/>
              <p:nvPr/>
            </p:nvSpPr>
            <p:spPr bwMode="gray">
              <a:xfrm>
                <a:off x="7746335" y="4634638"/>
                <a:ext cx="2201671" cy="45558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US" sz="2400" dirty="0">
                    <a:solidFill>
                      <a:srgbClr val="0070C0"/>
                    </a:solidFill>
                  </a:rPr>
                  <a:t>(</a:t>
                </a:r>
                <a14:m>
                  <m:oMath xmlns:m="http://schemas.openxmlformats.org/officeDocument/2006/math">
                    <m:r>
                      <a:rPr lang="en-US" sz="24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h</m:t>
                    </m:r>
                    <m:d>
                      <m:dPr>
                        <m:ctrlPr>
                          <a:rPr lang="en-US" sz="2400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sz="24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</m:d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−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𝑌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)</m:t>
                    </m:r>
                  </m:oMath>
                </a14:m>
                <a:endParaRPr lang="en-US" sz="2400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53A15C6B-4473-1AC0-2466-5F0FACF382C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746335" y="4634638"/>
                <a:ext cx="2201671" cy="455586"/>
              </a:xfrm>
              <a:prstGeom prst="rect">
                <a:avLst/>
              </a:prstGeom>
              <a:blipFill>
                <a:blip r:embed="rId7"/>
                <a:stretch>
                  <a:fillRect l="-8587" t="-20000" b="-2133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6" name="TextBox 15">
            <a:extLst>
              <a:ext uri="{FF2B5EF4-FFF2-40B4-BE49-F238E27FC236}">
                <a16:creationId xmlns:a16="http://schemas.microsoft.com/office/drawing/2014/main" id="{5F83629A-95EE-6488-85CC-6E33C70927F3}"/>
              </a:ext>
            </a:extLst>
          </p:cNvPr>
          <p:cNvSpPr txBox="1"/>
          <p:nvPr/>
        </p:nvSpPr>
        <p:spPr bwMode="gray">
          <a:xfrm>
            <a:off x="7375373" y="4525539"/>
            <a:ext cx="789161" cy="35077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4000" dirty="0">
                <a:solidFill>
                  <a:srgbClr val="0070C0"/>
                </a:solidFill>
                <a:sym typeface="Symbol" panose="05050102010706020507" pitchFamily="18" charset="2"/>
              </a:rPr>
              <a:t></a:t>
            </a:r>
            <a:endParaRPr lang="en-US" sz="4000" dirty="0">
              <a:solidFill>
                <a:srgbClr val="0070C0"/>
              </a:solidFill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DB23422-0FE7-B154-BB58-291766E70B8B}"/>
              </a:ext>
            </a:extLst>
          </p:cNvPr>
          <p:cNvSpPr txBox="1"/>
          <p:nvPr/>
        </p:nvSpPr>
        <p:spPr bwMode="gray">
          <a:xfrm>
            <a:off x="6371495" y="4728765"/>
            <a:ext cx="1374840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20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J =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C572DE67-82BC-D159-2BD5-B7F2609C4EE8}"/>
                  </a:ext>
                </a:extLst>
              </p:cNvPr>
              <p:cNvSpPr txBox="1"/>
              <p:nvPr/>
            </p:nvSpPr>
            <p:spPr bwMode="gray">
              <a:xfrm>
                <a:off x="6851776" y="4463898"/>
                <a:ext cx="2201671" cy="45558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2</m:t>
                          </m:r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𝑚</m:t>
                          </m:r>
                        </m:den>
                      </m:f>
                    </m:oMath>
                  </m:oMathPara>
                </a14:m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C572DE67-82BC-D159-2BD5-B7F2609C4EE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851776" y="4463898"/>
                <a:ext cx="2201671" cy="455586"/>
              </a:xfrm>
              <a:prstGeom prst="rect">
                <a:avLst/>
              </a:prstGeom>
              <a:blipFill>
                <a:blip r:embed="rId8"/>
                <a:stretch>
                  <a:fillRect l="-277" b="-5066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9" name="TextBox 18">
            <a:extLst>
              <a:ext uri="{FF2B5EF4-FFF2-40B4-BE49-F238E27FC236}">
                <a16:creationId xmlns:a16="http://schemas.microsoft.com/office/drawing/2014/main" id="{00F5AA3F-9B2D-6865-0C79-845BF0E02D85}"/>
              </a:ext>
            </a:extLst>
          </p:cNvPr>
          <p:cNvSpPr txBox="1"/>
          <p:nvPr/>
        </p:nvSpPr>
        <p:spPr bwMode="gray">
          <a:xfrm>
            <a:off x="9121175" y="4545370"/>
            <a:ext cx="228655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16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2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C61C47FE-5D15-6781-6B9C-C91C112BD836}"/>
                  </a:ext>
                </a:extLst>
              </p:cNvPr>
              <p:cNvSpPr txBox="1"/>
              <p:nvPr/>
            </p:nvSpPr>
            <p:spPr bwMode="gray">
              <a:xfrm>
                <a:off x="7649914" y="5698033"/>
                <a:ext cx="3368500" cy="49407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US" sz="2400" dirty="0">
                    <a:solidFill>
                      <a:srgbClr val="0070C0"/>
                    </a:solidFill>
                  </a:rPr>
                  <a:t>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𝒃</m:t>
                        </m:r>
                      </m:e>
                      <m:sub>
                        <m: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𝟎</m:t>
                        </m:r>
                      </m:sub>
                    </m:sSub>
                    <m:r>
                      <a:rPr lang="en-US" sz="2400" b="1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+</m:t>
                    </m:r>
                    <m:sSub>
                      <m:sSubPr>
                        <m:ctrlP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𝒃</m:t>
                        </m:r>
                      </m:e>
                      <m:sub>
                        <m: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𝟏</m:t>
                        </m:r>
                      </m:sub>
                    </m:sSub>
                    <m:sSub>
                      <m:sSubPr>
                        <m:ctrlP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𝒙</m:t>
                        </m:r>
                      </m:e>
                      <m:sub>
                        <m: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𝟏</m:t>
                        </m:r>
                      </m:sub>
                    </m:sSub>
                    <m:r>
                      <a:rPr lang="en-US" sz="2400" b="1" i="1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+</m:t>
                    </m:r>
                    <m:sSub>
                      <m:sSubPr>
                        <m:ctrlP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𝒃</m:t>
                        </m:r>
                      </m:e>
                      <m:sub>
                        <m:r>
                          <a:rPr lang="en-US" sz="2400" b="1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𝟏</m:t>
                        </m:r>
                      </m:sub>
                    </m:sSub>
                    <m:sSup>
                      <m:sSupPr>
                        <m:ctrlP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sSub>
                          <m:sSubPr>
                            <m:ctrlPr>
                              <a:rPr lang="en-US" sz="2400" b="1" i="1">
                                <a:solidFill>
                                  <a:srgbClr val="00B05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400" b="1" i="1">
                                <a:solidFill>
                                  <a:srgbClr val="00B050"/>
                                </a:solidFill>
                                <a:latin typeface="Cambria Math" panose="02040503050406030204" pitchFamily="18" charset="0"/>
                                <a:sym typeface="Symbol" panose="05050102010706020507" pitchFamily="18" charset="2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400" b="1" i="1">
                                <a:solidFill>
                                  <a:srgbClr val="00B050"/>
                                </a:solidFill>
                                <a:latin typeface="Cambria Math" panose="02040503050406030204" pitchFamily="18" charset="0"/>
                              </a:rPr>
                              <m:t>𝟏</m:t>
                            </m:r>
                          </m:sub>
                        </m:sSub>
                      </m:e>
                      <m:sup>
                        <m:r>
                          <a:rPr lang="en-US" sz="24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𝟐</m:t>
                        </m:r>
                      </m:sup>
                    </m:sSup>
                    <m:r>
                      <a:rPr lang="en-US" sz="2400" b="1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)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−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𝑌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)</m:t>
                    </m:r>
                  </m:oMath>
                </a14:m>
                <a:endParaRPr lang="en-US" sz="2400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C61C47FE-5D15-6781-6B9C-C91C112BD83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649914" y="5698033"/>
                <a:ext cx="3368500" cy="494072"/>
              </a:xfrm>
              <a:prstGeom prst="rect">
                <a:avLst/>
              </a:prstGeom>
              <a:blipFill>
                <a:blip r:embed="rId9"/>
                <a:stretch>
                  <a:fillRect l="-5616" t="-17284" r="-5797" b="-1358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1" name="TextBox 20">
            <a:extLst>
              <a:ext uri="{FF2B5EF4-FFF2-40B4-BE49-F238E27FC236}">
                <a16:creationId xmlns:a16="http://schemas.microsoft.com/office/drawing/2014/main" id="{6B026F95-3B36-A904-0C07-58684DFF6AA4}"/>
              </a:ext>
            </a:extLst>
          </p:cNvPr>
          <p:cNvSpPr txBox="1"/>
          <p:nvPr/>
        </p:nvSpPr>
        <p:spPr bwMode="gray">
          <a:xfrm>
            <a:off x="7287333" y="5633392"/>
            <a:ext cx="789161" cy="35077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4000" dirty="0">
                <a:solidFill>
                  <a:srgbClr val="0070C0"/>
                </a:solidFill>
                <a:sym typeface="Symbol" panose="05050102010706020507" pitchFamily="18" charset="2"/>
              </a:rPr>
              <a:t></a:t>
            </a:r>
            <a:endParaRPr lang="en-US" sz="4000" dirty="0">
              <a:solidFill>
                <a:srgbClr val="0070C0"/>
              </a:solidFill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1A9E030E-6E02-91AD-9A2F-EA56B2172F2C}"/>
              </a:ext>
            </a:extLst>
          </p:cNvPr>
          <p:cNvSpPr txBox="1"/>
          <p:nvPr/>
        </p:nvSpPr>
        <p:spPr bwMode="gray">
          <a:xfrm>
            <a:off x="6343787" y="5748185"/>
            <a:ext cx="1044746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J =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30A803BB-2ACF-2C45-85EF-8288B4DA19D2}"/>
                  </a:ext>
                </a:extLst>
              </p:cNvPr>
              <p:cNvSpPr txBox="1"/>
              <p:nvPr/>
            </p:nvSpPr>
            <p:spPr bwMode="gray">
              <a:xfrm>
                <a:off x="6829546" y="5525039"/>
                <a:ext cx="558987" cy="689317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2</m:t>
                          </m:r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𝑚</m:t>
                          </m:r>
                        </m:den>
                      </m:f>
                    </m:oMath>
                  </m:oMathPara>
                </a14:m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30A803BB-2ACF-2C45-85EF-8288B4DA19D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829546" y="5525039"/>
                <a:ext cx="558987" cy="689317"/>
              </a:xfrm>
              <a:prstGeom prst="rect">
                <a:avLst/>
              </a:prstGeom>
              <a:blipFill>
                <a:blip r:embed="rId10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4" name="TextBox 23">
            <a:extLst>
              <a:ext uri="{FF2B5EF4-FFF2-40B4-BE49-F238E27FC236}">
                <a16:creationId xmlns:a16="http://schemas.microsoft.com/office/drawing/2014/main" id="{205FE786-36BD-0E67-6BFA-FDB04B6DFD8E}"/>
              </a:ext>
            </a:extLst>
          </p:cNvPr>
          <p:cNvSpPr txBox="1"/>
          <p:nvPr/>
        </p:nvSpPr>
        <p:spPr bwMode="gray">
          <a:xfrm>
            <a:off x="11059299" y="5565974"/>
            <a:ext cx="228655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2</a:t>
            </a:r>
          </a:p>
        </p:txBody>
      </p:sp>
    </p:spTree>
    <p:extLst>
      <p:ext uri="{BB962C8B-B14F-4D97-AF65-F5344CB8AC3E}">
        <p14:creationId xmlns:p14="http://schemas.microsoft.com/office/powerpoint/2010/main" val="11637853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/>
      <p:bldP spid="5" grpId="0"/>
      <p:bldP spid="6" grpId="0"/>
      <p:bldP spid="7" grpId="0"/>
      <p:bldP spid="8" grpId="0"/>
      <p:bldP spid="9" grpId="0"/>
      <p:bldP spid="10" grpId="0"/>
      <p:bldP spid="11" grpId="0"/>
      <p:bldP spid="12" grpId="0"/>
      <p:bldP spid="14" grpId="0"/>
      <p:bldP spid="15" grpId="0"/>
      <p:bldP spid="16" grpId="0"/>
      <p:bldP spid="17" grpId="0"/>
      <p:bldP spid="18" grpId="0"/>
      <p:bldP spid="19" grpId="0"/>
      <p:bldP spid="20" grpId="0"/>
      <p:bldP spid="21" grpId="0"/>
      <p:bldP spid="22" grpId="0"/>
      <p:bldP spid="23" grpId="0"/>
      <p:bldP spid="24" grpId="0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9639E30-5999-6A01-2D92-0C020FBCE97A}"/>
              </a:ext>
            </a:extLst>
          </p:cNvPr>
          <p:cNvSpPr txBox="1"/>
          <p:nvPr/>
        </p:nvSpPr>
        <p:spPr bwMode="gray">
          <a:xfrm>
            <a:off x="616159" y="1002099"/>
            <a:ext cx="4072657" cy="4713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457200" indent="-457200" algn="l"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Logistic Regression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EA886A7-702B-A77A-3326-CAD9A7189F39}"/>
              </a:ext>
            </a:extLst>
          </p:cNvPr>
          <p:cNvSpPr txBox="1"/>
          <p:nvPr/>
        </p:nvSpPr>
        <p:spPr bwMode="gray">
          <a:xfrm>
            <a:off x="584201" y="228966"/>
            <a:ext cx="5152570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Classification ML</a:t>
            </a:r>
            <a:endParaRPr lang="en-US" sz="3000" b="1" dirty="0">
              <a:solidFill>
                <a:srgbClr val="0070C0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sp>
        <p:nvSpPr>
          <p:cNvPr id="6" name="AutoShape 4">
            <a:extLst>
              <a:ext uri="{FF2B5EF4-FFF2-40B4-BE49-F238E27FC236}">
                <a16:creationId xmlns:a16="http://schemas.microsoft.com/office/drawing/2014/main" id="{313D8B6B-ECC7-033C-EA5E-5EBB5DB8ABE3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678872" y="3167501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pic>
        <p:nvPicPr>
          <p:cNvPr id="2054" name="Picture 6">
            <a:extLst>
              <a:ext uri="{FF2B5EF4-FFF2-40B4-BE49-F238E27FC236}">
                <a16:creationId xmlns:a16="http://schemas.microsoft.com/office/drawing/2014/main" id="{9CF2BBB9-A0E2-BCBE-AB2A-8215C2074A2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6506" y="1521771"/>
            <a:ext cx="4752171" cy="285130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6" name="Picture 8">
            <a:extLst>
              <a:ext uri="{FF2B5EF4-FFF2-40B4-BE49-F238E27FC236}">
                <a16:creationId xmlns:a16="http://schemas.microsoft.com/office/drawing/2014/main" id="{0CB98194-454A-DAF7-C22B-2FFDE3FCB3D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24594" y="162891"/>
            <a:ext cx="4334889" cy="288467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703DF6D-3745-007B-BA88-9DD499A22C1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774679" y="1756007"/>
            <a:ext cx="2112095" cy="794458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1C10AE23-7BD2-0F64-2396-49182479B299}"/>
                  </a:ext>
                </a:extLst>
              </p:cNvPr>
              <p:cNvSpPr txBox="1"/>
              <p:nvPr/>
            </p:nvSpPr>
            <p:spPr bwMode="gray">
              <a:xfrm>
                <a:off x="4761965" y="1980828"/>
                <a:ext cx="2025428" cy="51948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r>
                        <a:rPr lang="en-US" sz="2400" b="0" i="1" smtClean="0">
                          <a:solidFill>
                            <a:srgbClr val="0070C0"/>
                          </a:solidFill>
                          <a:latin typeface="Cambria Math" panose="02040503050406030204" pitchFamily="18" charset="0"/>
                        </a:rPr>
                        <m:t>h</m:t>
                      </m:r>
                      <m:d>
                        <m:dPr>
                          <m:ctrlPr>
                            <a:rPr lang="en-US" sz="2400" i="1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</m:t>
                          </m:r>
                        </m:e>
                      </m:d>
                      <m:r>
                        <a:rPr lang="en-US" sz="2400" b="0" i="1" smtClean="0">
                          <a:solidFill>
                            <a:srgbClr val="0070C0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=</m:t>
                      </m:r>
                    </m:oMath>
                  </m:oMathPara>
                </a14:m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1C10AE23-7BD2-0F64-2396-49182479B29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4761965" y="1980828"/>
                <a:ext cx="2025428" cy="519486"/>
              </a:xfrm>
              <a:prstGeom prst="rect">
                <a:avLst/>
              </a:prstGeom>
              <a:blipFill>
                <a:blip r:embed="rId5"/>
                <a:stretch>
                  <a:fillRect l="-5422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BD2D3C2C-1022-37B1-9DA1-53012EE75BA4}"/>
                  </a:ext>
                </a:extLst>
              </p:cNvPr>
              <p:cNvSpPr txBox="1"/>
              <p:nvPr/>
            </p:nvSpPr>
            <p:spPr bwMode="gray">
              <a:xfrm>
                <a:off x="2076012" y="5920763"/>
                <a:ext cx="1746606" cy="68931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US" sz="2400" dirty="0">
                    <a:solidFill>
                      <a:srgbClr val="0070C0"/>
                    </a:solidFill>
                  </a:rPr>
                  <a:t>(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sz="2400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</m:ctrlPr>
                      </m:fPr>
                      <m:num>
                        <m:r>
                          <a:rPr lang="en-US" sz="2400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1</m:t>
                        </m:r>
                      </m:num>
                      <m:den>
                        <m:r>
                          <a:rPr lang="en-US" sz="2400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1+</m:t>
                        </m:r>
                        <m:sSup>
                          <m:sSupPr>
                            <m:ctrlPr>
                              <a:rPr lang="en-US" sz="2400" b="0" i="1" smtClean="0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  <a:sym typeface="Symbol" panose="05050102010706020507" pitchFamily="18" charset="2"/>
                              </a:rPr>
                            </m:ctrlPr>
                          </m:sSupPr>
                          <m:e>
                            <m:r>
                              <a:rPr lang="en-US" sz="2400" b="0" i="1" smtClean="0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  <a:sym typeface="Symbol" panose="05050102010706020507" pitchFamily="18" charset="2"/>
                              </a:rPr>
                              <m:t>𝑒</m:t>
                            </m:r>
                          </m:e>
                          <m:sup>
                            <m:r>
                              <a:rPr lang="en-US" sz="2400" b="0" i="1" smtClean="0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  <a:sym typeface="Symbol" panose="05050102010706020507" pitchFamily="18" charset="2"/>
                              </a:rPr>
                              <m:t>−</m:t>
                            </m:r>
                            <m:sSub>
                              <m:sSubPr>
                                <m:ctrlPr>
                                  <a:rPr lang="en-US" sz="2400" b="1" i="1">
                                    <a:solidFill>
                                      <a:srgbClr val="00B050"/>
                                    </a:solidFill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sz="2400" b="1" i="1">
                                    <a:solidFill>
                                      <a:srgbClr val="00B050"/>
                                    </a:solidFill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en-US" sz="2400" b="1" i="1">
                                    <a:solidFill>
                                      <a:srgbClr val="00B050"/>
                                    </a:solidFill>
                                    <a:latin typeface="Cambria Math" panose="02040503050406030204" pitchFamily="18" charset="0"/>
                                    <a:sym typeface="Symbol" panose="05050102010706020507" pitchFamily="18" charset="2"/>
                                  </a:rPr>
                                  <m:t>𝒃</m:t>
                                </m:r>
                              </m:e>
                              <m:sub>
                                <m:r>
                                  <a:rPr lang="en-US" sz="2400" b="1" i="1">
                                    <a:solidFill>
                                      <a:srgbClr val="00B050"/>
                                    </a:solidFill>
                                    <a:latin typeface="Cambria Math" panose="02040503050406030204" pitchFamily="18" charset="0"/>
                                  </a:rPr>
                                  <m:t>𝟎</m:t>
                                </m:r>
                              </m:sub>
                            </m:sSub>
                            <m:r>
                              <a:rPr lang="en-US" sz="2400" b="1" i="1">
                                <a:solidFill>
                                  <a:srgbClr val="00B050"/>
                                </a:solidFill>
                                <a:latin typeface="Cambria Math" panose="02040503050406030204" pitchFamily="18" charset="0"/>
                              </a:rPr>
                              <m:t>+</m:t>
                            </m:r>
                            <m:sSub>
                              <m:sSubPr>
                                <m:ctrlPr>
                                  <a:rPr lang="en-US" sz="2400" b="1" i="1">
                                    <a:solidFill>
                                      <a:srgbClr val="00B050"/>
                                    </a:solidFill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sz="2400" b="1" i="1">
                                    <a:solidFill>
                                      <a:srgbClr val="00B050"/>
                                    </a:solidFill>
                                    <a:latin typeface="Cambria Math" panose="02040503050406030204" pitchFamily="18" charset="0"/>
                                    <a:sym typeface="Symbol" panose="05050102010706020507" pitchFamily="18" charset="2"/>
                                  </a:rPr>
                                  <m:t>𝒃</m:t>
                                </m:r>
                              </m:e>
                              <m:sub>
                                <m:r>
                                  <a:rPr lang="en-US" sz="2400" b="1" i="1">
                                    <a:solidFill>
                                      <a:srgbClr val="00B050"/>
                                    </a:solidFill>
                                    <a:latin typeface="Cambria Math" panose="02040503050406030204" pitchFamily="18" charset="0"/>
                                  </a:rPr>
                                  <m:t>𝟏</m:t>
                                </m:r>
                              </m:sub>
                            </m:sSub>
                            <m:sSub>
                              <m:sSubPr>
                                <m:ctrlPr>
                                  <a:rPr lang="en-US" sz="2400" b="1" i="1">
                                    <a:solidFill>
                                      <a:srgbClr val="00B050"/>
                                    </a:solidFill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sz="2400" b="1" i="1">
                                    <a:solidFill>
                                      <a:srgbClr val="00B050"/>
                                    </a:solidFill>
                                    <a:latin typeface="Cambria Math" panose="02040503050406030204" pitchFamily="18" charset="0"/>
                                    <a:sym typeface="Symbol" panose="05050102010706020507" pitchFamily="18" charset="2"/>
                                  </a:rPr>
                                  <m:t>𝒙</m:t>
                                </m:r>
                              </m:e>
                              <m:sub>
                                <m:r>
                                  <a:rPr lang="en-US" sz="2400" b="1" i="1">
                                    <a:solidFill>
                                      <a:srgbClr val="00B050"/>
                                    </a:solidFill>
                                    <a:latin typeface="Cambria Math" panose="02040503050406030204" pitchFamily="18" charset="0"/>
                                  </a:rPr>
                                  <m:t>𝟏</m:t>
                                </m:r>
                              </m:sub>
                            </m:sSub>
                            <m:r>
                              <a:rPr lang="en-US" sz="2400" b="1" i="1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</a:rPr>
                              <m:t>)</m:t>
                            </m:r>
                          </m:sup>
                        </m:sSup>
                      </m:den>
                    </m:f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−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𝑌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)</m:t>
                    </m:r>
                  </m:oMath>
                </a14:m>
                <a:endParaRPr lang="en-US" sz="2400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BD2D3C2C-1022-37B1-9DA1-53012EE75BA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2076012" y="5920763"/>
                <a:ext cx="1746606" cy="689316"/>
              </a:xfrm>
              <a:prstGeom prst="rect">
                <a:avLst/>
              </a:prstGeom>
              <a:blipFill>
                <a:blip r:embed="rId6"/>
                <a:stretch>
                  <a:fillRect l="-10839" t="-1770" r="-31818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4EA9C6C9-44BF-391B-8841-8F4D9A841A39}"/>
              </a:ext>
            </a:extLst>
          </p:cNvPr>
          <p:cNvSpPr txBox="1"/>
          <p:nvPr/>
        </p:nvSpPr>
        <p:spPr bwMode="gray">
          <a:xfrm>
            <a:off x="1713431" y="5856122"/>
            <a:ext cx="789161" cy="35077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4000" dirty="0">
                <a:solidFill>
                  <a:srgbClr val="0070C0"/>
                </a:solidFill>
                <a:sym typeface="Symbol" panose="05050102010706020507" pitchFamily="18" charset="2"/>
              </a:rPr>
              <a:t></a:t>
            </a:r>
            <a:endParaRPr lang="en-US" sz="4000" dirty="0">
              <a:solidFill>
                <a:srgbClr val="0070C0"/>
              </a:solidFill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DC13A37-73B5-C310-C1A1-62355502B838}"/>
              </a:ext>
            </a:extLst>
          </p:cNvPr>
          <p:cNvSpPr txBox="1"/>
          <p:nvPr/>
        </p:nvSpPr>
        <p:spPr bwMode="gray">
          <a:xfrm>
            <a:off x="769885" y="5970915"/>
            <a:ext cx="1044746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J =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40680327-3760-DF84-54C9-87C783B5408B}"/>
                  </a:ext>
                </a:extLst>
              </p:cNvPr>
              <p:cNvSpPr txBox="1"/>
              <p:nvPr/>
            </p:nvSpPr>
            <p:spPr bwMode="gray">
              <a:xfrm>
                <a:off x="1255644" y="5747769"/>
                <a:ext cx="558987" cy="689317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2</m:t>
                          </m:r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𝑚</m:t>
                          </m:r>
                        </m:den>
                      </m:f>
                    </m:oMath>
                  </m:oMathPara>
                </a14:m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40680327-3760-DF84-54C9-87C783B5408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255644" y="5747769"/>
                <a:ext cx="558987" cy="689317"/>
              </a:xfrm>
              <a:prstGeom prst="rect">
                <a:avLst/>
              </a:prstGeom>
              <a:blipFill>
                <a:blip r:embed="rId7"/>
                <a:stretch>
                  <a:fillRect l="-108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4" name="TextBox 13">
            <a:extLst>
              <a:ext uri="{FF2B5EF4-FFF2-40B4-BE49-F238E27FC236}">
                <a16:creationId xmlns:a16="http://schemas.microsoft.com/office/drawing/2014/main" id="{130C4268-C5CB-42F2-D8BE-9E3F1BC4E9A1}"/>
              </a:ext>
            </a:extLst>
          </p:cNvPr>
          <p:cNvSpPr txBox="1"/>
          <p:nvPr/>
        </p:nvSpPr>
        <p:spPr bwMode="gray">
          <a:xfrm>
            <a:off x="4460161" y="5897642"/>
            <a:ext cx="228655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2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EB1A5239-DD68-7099-084D-11B156DB2567}"/>
                  </a:ext>
                </a:extLst>
              </p:cNvPr>
              <p:cNvSpPr txBox="1"/>
              <p:nvPr/>
            </p:nvSpPr>
            <p:spPr bwMode="gray">
              <a:xfrm>
                <a:off x="2163197" y="4978846"/>
                <a:ext cx="2201671" cy="45558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US" sz="2400" dirty="0">
                    <a:solidFill>
                      <a:srgbClr val="0070C0"/>
                    </a:solidFill>
                  </a:rPr>
                  <a:t>(</a:t>
                </a:r>
                <a14:m>
                  <m:oMath xmlns:m="http://schemas.openxmlformats.org/officeDocument/2006/math">
                    <m:r>
                      <a:rPr lang="en-US" sz="24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h</m:t>
                    </m:r>
                    <m:d>
                      <m:dPr>
                        <m:ctrlPr>
                          <a:rPr lang="en-US" sz="2400" i="1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sz="24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  <a:sym typeface="Symbol" panose="05050102010706020507" pitchFamily="18" charset="2"/>
                          </a:rPr>
                          <m:t></m:t>
                        </m:r>
                      </m:e>
                    </m:d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−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𝑌</m:t>
                    </m:r>
                    <m:r>
                      <a:rPr lang="en-US" sz="2400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  <a:sym typeface="Symbol" panose="05050102010706020507" pitchFamily="18" charset="2"/>
                      </a:rPr>
                      <m:t>)</m:t>
                    </m:r>
                  </m:oMath>
                </a14:m>
                <a:endParaRPr lang="en-US" sz="2400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EB1A5239-DD68-7099-084D-11B156DB256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2163197" y="4978846"/>
                <a:ext cx="2201671" cy="455586"/>
              </a:xfrm>
              <a:prstGeom prst="rect">
                <a:avLst/>
              </a:prstGeom>
              <a:blipFill>
                <a:blip r:embed="rId8"/>
                <a:stretch>
                  <a:fillRect l="-8587" t="-21622" b="-21622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6" name="TextBox 15">
            <a:extLst>
              <a:ext uri="{FF2B5EF4-FFF2-40B4-BE49-F238E27FC236}">
                <a16:creationId xmlns:a16="http://schemas.microsoft.com/office/drawing/2014/main" id="{BCE0E912-264B-49AD-9345-43E21A8429D0}"/>
              </a:ext>
            </a:extLst>
          </p:cNvPr>
          <p:cNvSpPr txBox="1"/>
          <p:nvPr/>
        </p:nvSpPr>
        <p:spPr bwMode="gray">
          <a:xfrm>
            <a:off x="1792235" y="4869747"/>
            <a:ext cx="789161" cy="35077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4000" dirty="0">
                <a:solidFill>
                  <a:srgbClr val="0070C0"/>
                </a:solidFill>
                <a:sym typeface="Symbol" panose="05050102010706020507" pitchFamily="18" charset="2"/>
              </a:rPr>
              <a:t></a:t>
            </a:r>
            <a:endParaRPr lang="en-US" sz="4000" dirty="0">
              <a:solidFill>
                <a:srgbClr val="0070C0"/>
              </a:solidFill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C8A82E9-5771-561B-D2EE-5764910530A3}"/>
              </a:ext>
            </a:extLst>
          </p:cNvPr>
          <p:cNvSpPr txBox="1"/>
          <p:nvPr/>
        </p:nvSpPr>
        <p:spPr bwMode="gray">
          <a:xfrm>
            <a:off x="769885" y="5026793"/>
            <a:ext cx="1374840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J =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687D54B-06A0-DEBD-AEAF-29537CC9B760}"/>
                  </a:ext>
                </a:extLst>
              </p:cNvPr>
              <p:cNvSpPr txBox="1"/>
              <p:nvPr/>
            </p:nvSpPr>
            <p:spPr bwMode="gray">
              <a:xfrm>
                <a:off x="1268638" y="4808106"/>
                <a:ext cx="2201671" cy="45558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2</m:t>
                          </m:r>
                          <m:r>
                            <a:rPr lang="en-US" sz="2400" b="0" i="1" smtClean="0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</a:rPr>
                            <m:t>𝑚</m:t>
                          </m:r>
                        </m:den>
                      </m:f>
                    </m:oMath>
                  </m:oMathPara>
                </a14:m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687D54B-06A0-DEBD-AEAF-29537CC9B76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268638" y="4808106"/>
                <a:ext cx="2201671" cy="455586"/>
              </a:xfrm>
              <a:prstGeom prst="rect">
                <a:avLst/>
              </a:prstGeom>
              <a:blipFill>
                <a:blip r:embed="rId9"/>
                <a:stretch>
                  <a:fillRect b="-5270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9" name="TextBox 18">
            <a:extLst>
              <a:ext uri="{FF2B5EF4-FFF2-40B4-BE49-F238E27FC236}">
                <a16:creationId xmlns:a16="http://schemas.microsoft.com/office/drawing/2014/main" id="{88F2B71D-15B0-7112-BBE1-572AA8865902}"/>
              </a:ext>
            </a:extLst>
          </p:cNvPr>
          <p:cNvSpPr txBox="1"/>
          <p:nvPr/>
        </p:nvSpPr>
        <p:spPr bwMode="gray">
          <a:xfrm>
            <a:off x="3538037" y="4889578"/>
            <a:ext cx="228655" cy="6893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16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2</a:t>
            </a:r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4AED0EC8-E731-1A0E-F752-6D5875805F4D}"/>
              </a:ext>
            </a:extLst>
          </p:cNvPr>
          <p:cNvCxnSpPr>
            <a:cxnSpLocks/>
          </p:cNvCxnSpPr>
          <p:nvPr/>
        </p:nvCxnSpPr>
        <p:spPr bwMode="gray">
          <a:xfrm flipV="1">
            <a:off x="-10886" y="941143"/>
            <a:ext cx="8472771" cy="10886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23" name="Table 22">
            <a:extLst>
              <a:ext uri="{FF2B5EF4-FFF2-40B4-BE49-F238E27FC236}">
                <a16:creationId xmlns:a16="http://schemas.microsoft.com/office/drawing/2014/main" id="{D7C11CFD-3FA3-DCAC-BAA4-79F532B57D8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48054178"/>
              </p:ext>
            </p:extLst>
          </p:nvPr>
        </p:nvGraphicFramePr>
        <p:xfrm>
          <a:off x="5774679" y="4175420"/>
          <a:ext cx="3637176" cy="2434724"/>
        </p:xfrm>
        <a:graphic>
          <a:graphicData uri="http://schemas.openxmlformats.org/drawingml/2006/table">
            <a:tbl>
              <a:tblPr>
                <a:tableStyleId>{5940675A-B579-460E-94D1-54222C63F5DA}</a:tableStyleId>
              </a:tblPr>
              <a:tblGrid>
                <a:gridCol w="765721">
                  <a:extLst>
                    <a:ext uri="{9D8B030D-6E8A-4147-A177-3AD203B41FA5}">
                      <a16:colId xmlns:a16="http://schemas.microsoft.com/office/drawing/2014/main" val="3911770451"/>
                    </a:ext>
                  </a:extLst>
                </a:gridCol>
                <a:gridCol w="765721">
                  <a:extLst>
                    <a:ext uri="{9D8B030D-6E8A-4147-A177-3AD203B41FA5}">
                      <a16:colId xmlns:a16="http://schemas.microsoft.com/office/drawing/2014/main" val="4034940457"/>
                    </a:ext>
                  </a:extLst>
                </a:gridCol>
                <a:gridCol w="1148582">
                  <a:extLst>
                    <a:ext uri="{9D8B030D-6E8A-4147-A177-3AD203B41FA5}">
                      <a16:colId xmlns:a16="http://schemas.microsoft.com/office/drawing/2014/main" val="4166377007"/>
                    </a:ext>
                  </a:extLst>
                </a:gridCol>
                <a:gridCol w="957152">
                  <a:extLst>
                    <a:ext uri="{9D8B030D-6E8A-4147-A177-3AD203B41FA5}">
                      <a16:colId xmlns:a16="http://schemas.microsoft.com/office/drawing/2014/main" val="4005632882"/>
                    </a:ext>
                  </a:extLst>
                </a:gridCol>
              </a:tblGrid>
              <a:tr h="418262"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x1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x2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x3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Blue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03211043"/>
                  </a:ext>
                </a:extLst>
              </a:tr>
              <a:tr h="336077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7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363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-0.005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1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3194906339"/>
                  </a:ext>
                </a:extLst>
              </a:tr>
              <a:tr h="336077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6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303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0.015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1585827518"/>
                  </a:ext>
                </a:extLst>
              </a:tr>
              <a:tr h="336077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6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334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0.001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4231467966"/>
                  </a:ext>
                </a:extLst>
              </a:tr>
              <a:tr h="336077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3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34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-0.032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1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2005301870"/>
                  </a:ext>
                </a:extLst>
              </a:tr>
              <a:tr h="336077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1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120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-0.003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1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3568271670"/>
                  </a:ext>
                </a:extLst>
              </a:tr>
              <a:tr h="336077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27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effectLst/>
                        </a:rPr>
                        <a:t>122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effectLst/>
                        </a:rPr>
                        <a:t>0.00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1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1408501571"/>
                  </a:ext>
                </a:extLst>
              </a:tr>
            </a:tbl>
          </a:graphicData>
        </a:graphic>
      </p:graphicFrame>
      <p:graphicFrame>
        <p:nvGraphicFramePr>
          <p:cNvPr id="24" name="Table 23">
            <a:extLst>
              <a:ext uri="{FF2B5EF4-FFF2-40B4-BE49-F238E27FC236}">
                <a16:creationId xmlns:a16="http://schemas.microsoft.com/office/drawing/2014/main" id="{E07FE2DA-555F-A625-A026-75AB9092B09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91006117"/>
              </p:ext>
            </p:extLst>
          </p:nvPr>
        </p:nvGraphicFramePr>
        <p:xfrm>
          <a:off x="9476973" y="4196772"/>
          <a:ext cx="2040772" cy="2413374"/>
        </p:xfrm>
        <a:graphic>
          <a:graphicData uri="http://schemas.openxmlformats.org/drawingml/2006/table">
            <a:tbl>
              <a:tblPr>
                <a:tableStyleId>{5940675A-B579-460E-94D1-54222C63F5DA}</a:tableStyleId>
              </a:tblPr>
              <a:tblGrid>
                <a:gridCol w="1020386">
                  <a:extLst>
                    <a:ext uri="{9D8B030D-6E8A-4147-A177-3AD203B41FA5}">
                      <a16:colId xmlns:a16="http://schemas.microsoft.com/office/drawing/2014/main" val="2380415367"/>
                    </a:ext>
                  </a:extLst>
                </a:gridCol>
                <a:gridCol w="1020386">
                  <a:extLst>
                    <a:ext uri="{9D8B030D-6E8A-4147-A177-3AD203B41FA5}">
                      <a16:colId xmlns:a16="http://schemas.microsoft.com/office/drawing/2014/main" val="618407899"/>
                    </a:ext>
                  </a:extLst>
                </a:gridCol>
              </a:tblGrid>
              <a:tr h="408438"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</a:rPr>
                        <a:t>Green 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800" b="1" u="none" strike="noStrike" dirty="0">
                          <a:effectLst/>
                        </a:rPr>
                        <a:t>Yellow</a:t>
                      </a:r>
                      <a:endParaRPr lang="en-US" sz="1800" b="1" i="0" u="none" strike="noStrike" dirty="0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24946439"/>
                  </a:ext>
                </a:extLst>
              </a:tr>
              <a:tr h="33415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600" b="0" i="0" u="none" strike="noStrike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2704976446"/>
                  </a:ext>
                </a:extLst>
              </a:tr>
              <a:tr h="33415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1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600" b="0" i="0" u="none" strike="noStrike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1673023518"/>
                  </a:ext>
                </a:extLst>
              </a:tr>
              <a:tr h="33415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solidFill>
                            <a:srgbClr val="0070C0"/>
                          </a:solidFill>
                          <a:effectLst/>
                        </a:rPr>
                        <a:t>1</a:t>
                      </a:r>
                      <a:endParaRPr lang="en-US" sz="1600" b="0" i="0" u="none" strike="noStrike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2386822448"/>
                  </a:ext>
                </a:extLst>
              </a:tr>
              <a:tr h="33415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2140779454"/>
                  </a:ext>
                </a:extLst>
              </a:tr>
              <a:tr h="33415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solidFill>
                            <a:srgbClr val="0070C0"/>
                          </a:solidFill>
                          <a:effectLst/>
                        </a:rPr>
                        <a:t>1</a:t>
                      </a:r>
                      <a:endParaRPr lang="en-US" sz="1600" b="0" i="0" u="none" strike="noStrike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3948237890"/>
                  </a:ext>
                </a:extLst>
              </a:tr>
              <a:tr h="33415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600" b="0" i="0" u="none" strike="noStrike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1</a:t>
                      </a:r>
                      <a:endParaRPr lang="en-US" sz="16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3336723192"/>
                  </a:ext>
                </a:extLst>
              </a:tr>
            </a:tbl>
          </a:graphicData>
        </a:graphic>
      </p:graphicFrame>
      <p:sp>
        <p:nvSpPr>
          <p:cNvPr id="25" name="TextBox 24">
            <a:extLst>
              <a:ext uri="{FF2B5EF4-FFF2-40B4-BE49-F238E27FC236}">
                <a16:creationId xmlns:a16="http://schemas.microsoft.com/office/drawing/2014/main" id="{EAF69A19-23B5-2504-5DC7-A79CBB6FCEE3}"/>
              </a:ext>
            </a:extLst>
          </p:cNvPr>
          <p:cNvSpPr txBox="1"/>
          <p:nvPr/>
        </p:nvSpPr>
        <p:spPr bwMode="gray">
          <a:xfrm>
            <a:off x="6828639" y="3768311"/>
            <a:ext cx="1310574" cy="4713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Inputs</a:t>
            </a: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BBF84207-7C39-8CC8-EC19-D63CF255B1AA}"/>
              </a:ext>
            </a:extLst>
          </p:cNvPr>
          <p:cNvCxnSpPr/>
          <p:nvPr/>
        </p:nvCxnSpPr>
        <p:spPr bwMode="gray">
          <a:xfrm flipH="1">
            <a:off x="5736771" y="3939354"/>
            <a:ext cx="968829" cy="0"/>
          </a:xfrm>
          <a:prstGeom prst="straightConnector1">
            <a:avLst/>
          </a:prstGeom>
          <a:ln w="31750">
            <a:solidFill>
              <a:srgbClr val="7030A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00BC7423-8471-DF8D-27DF-F358E2DE2BD9}"/>
              </a:ext>
            </a:extLst>
          </p:cNvPr>
          <p:cNvCxnSpPr>
            <a:cxnSpLocks/>
          </p:cNvCxnSpPr>
          <p:nvPr/>
        </p:nvCxnSpPr>
        <p:spPr bwMode="gray">
          <a:xfrm>
            <a:off x="7483926" y="3939754"/>
            <a:ext cx="977959" cy="0"/>
          </a:xfrm>
          <a:prstGeom prst="straightConnector1">
            <a:avLst/>
          </a:prstGeom>
          <a:ln w="31750">
            <a:solidFill>
              <a:srgbClr val="7030A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Box 30">
            <a:extLst>
              <a:ext uri="{FF2B5EF4-FFF2-40B4-BE49-F238E27FC236}">
                <a16:creationId xmlns:a16="http://schemas.microsoft.com/office/drawing/2014/main" id="{2164DAA2-0C7D-7DDE-71C9-73A97F07C4EB}"/>
              </a:ext>
            </a:extLst>
          </p:cNvPr>
          <p:cNvSpPr txBox="1"/>
          <p:nvPr/>
        </p:nvSpPr>
        <p:spPr bwMode="gray">
          <a:xfrm>
            <a:off x="9503336" y="3792123"/>
            <a:ext cx="1310574" cy="4713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Targets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4A60AC4E-1DD9-2EC4-CE13-DCA6A5ACFC46}"/>
              </a:ext>
            </a:extLst>
          </p:cNvPr>
          <p:cNvSpPr txBox="1"/>
          <p:nvPr/>
        </p:nvSpPr>
        <p:spPr bwMode="gray">
          <a:xfrm>
            <a:off x="5774679" y="3411666"/>
            <a:ext cx="2390708" cy="419333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dirty="0">
                <a:solidFill>
                  <a:srgbClr val="C00000"/>
                </a:solidFill>
                <a:latin typeface="Bahnschrift SemiCondensed" panose="020B0502040204020203" pitchFamily="34" charset="0"/>
              </a:rPr>
              <a:t>Binomial Classification</a:t>
            </a: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07EBB2B5-3483-78D5-D297-C271070C2E53}"/>
              </a:ext>
            </a:extLst>
          </p:cNvPr>
          <p:cNvSpPr txBox="1"/>
          <p:nvPr/>
        </p:nvSpPr>
        <p:spPr bwMode="gray">
          <a:xfrm>
            <a:off x="5782459" y="3047563"/>
            <a:ext cx="2939509" cy="36410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dirty="0">
                <a:solidFill>
                  <a:srgbClr val="C00000"/>
                </a:solidFill>
                <a:latin typeface="Bahnschrift SemiCondensed" panose="020B0502040204020203" pitchFamily="34" charset="0"/>
              </a:rPr>
              <a:t>Multinomial Classification</a:t>
            </a:r>
          </a:p>
        </p:txBody>
      </p: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45CE836A-4993-88A7-627A-AE485486874E}"/>
              </a:ext>
            </a:extLst>
          </p:cNvPr>
          <p:cNvCxnSpPr>
            <a:cxnSpLocks/>
          </p:cNvCxnSpPr>
          <p:nvPr/>
        </p:nvCxnSpPr>
        <p:spPr bwMode="gray">
          <a:xfrm>
            <a:off x="8077195" y="3602054"/>
            <a:ext cx="1334660" cy="0"/>
          </a:xfrm>
          <a:prstGeom prst="straightConnector1">
            <a:avLst/>
          </a:prstGeom>
          <a:ln w="31750"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2F098E28-3AEC-8E0F-94B0-6AFD93E44F63}"/>
              </a:ext>
            </a:extLst>
          </p:cNvPr>
          <p:cNvCxnSpPr>
            <a:cxnSpLocks/>
          </p:cNvCxnSpPr>
          <p:nvPr/>
        </p:nvCxnSpPr>
        <p:spPr bwMode="gray">
          <a:xfrm flipV="1">
            <a:off x="8461885" y="3229614"/>
            <a:ext cx="3055860" cy="26516"/>
          </a:xfrm>
          <a:prstGeom prst="straightConnector1">
            <a:avLst/>
          </a:prstGeom>
          <a:ln w="31750">
            <a:solidFill>
              <a:srgbClr val="C0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81A49613-2857-826F-DFAA-91E62B2F083B}"/>
              </a:ext>
            </a:extLst>
          </p:cNvPr>
          <p:cNvCxnSpPr/>
          <p:nvPr/>
        </p:nvCxnSpPr>
        <p:spPr bwMode="gray">
          <a:xfrm flipV="1">
            <a:off x="9400132" y="3484024"/>
            <a:ext cx="0" cy="703119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1966845C-A4FE-A5A1-25D8-3445AE5F0EA4}"/>
              </a:ext>
            </a:extLst>
          </p:cNvPr>
          <p:cNvCxnSpPr>
            <a:cxnSpLocks/>
          </p:cNvCxnSpPr>
          <p:nvPr/>
        </p:nvCxnSpPr>
        <p:spPr bwMode="gray">
          <a:xfrm flipV="1">
            <a:off x="11517745" y="3089004"/>
            <a:ext cx="0" cy="1150697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extBox 3">
            <a:extLst>
              <a:ext uri="{FF2B5EF4-FFF2-40B4-BE49-F238E27FC236}">
                <a16:creationId xmlns:a16="http://schemas.microsoft.com/office/drawing/2014/main" id="{0DA4F35B-E540-D645-ED6E-E871B0DBF54D}"/>
              </a:ext>
            </a:extLst>
          </p:cNvPr>
          <p:cNvSpPr txBox="1"/>
          <p:nvPr/>
        </p:nvSpPr>
        <p:spPr bwMode="gray">
          <a:xfrm>
            <a:off x="5444769" y="1336674"/>
            <a:ext cx="1868556" cy="4713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Sigmoid Function</a:t>
            </a:r>
          </a:p>
        </p:txBody>
      </p:sp>
    </p:spTree>
    <p:extLst>
      <p:ext uri="{BB962C8B-B14F-4D97-AF65-F5344CB8AC3E}">
        <p14:creationId xmlns:p14="http://schemas.microsoft.com/office/powerpoint/2010/main" val="2821995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1" presetClass="entr" presetSubtype="0" fill="hold" nodeType="after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4" dur="5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5" dur="5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6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9" dur="5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0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2" dur="5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3" dur="5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6" fill="hold">
                      <p:stCondLst>
                        <p:cond delay="indefinite"/>
                      </p:stCondLst>
                      <p:childTnLst>
                        <p:par>
                          <p:cTn id="57" fill="hold">
                            <p:stCondLst>
                              <p:cond delay="0"/>
                            </p:stCondLst>
                            <p:childTnLst>
                              <p:par>
                                <p:cTn id="58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4" fill="hold">
                      <p:stCondLst>
                        <p:cond delay="indefinite"/>
                      </p:stCondLst>
                      <p:childTnLst>
                        <p:par>
                          <p:cTn id="65" fill="hold">
                            <p:stCondLst>
                              <p:cond delay="0"/>
                            </p:stCondLst>
                            <p:childTnLst>
                              <p:par>
                                <p:cTn id="6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0" fill="hold">
                      <p:stCondLst>
                        <p:cond delay="indefinite"/>
                      </p:stCondLst>
                      <p:childTnLst>
                        <p:par>
                          <p:cTn id="71" fill="hold">
                            <p:stCondLst>
                              <p:cond delay="0"/>
                            </p:stCondLst>
                            <p:childTnLst>
                              <p:par>
                                <p:cTn id="7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0" grpId="0"/>
      <p:bldP spid="11" grpId="0"/>
      <p:bldP spid="12" grpId="0"/>
      <p:bldP spid="13" grpId="0"/>
      <p:bldP spid="14" grpId="0"/>
      <p:bldP spid="15" grpId="0"/>
      <p:bldP spid="16" grpId="0"/>
      <p:bldP spid="17" grpId="0"/>
      <p:bldP spid="18" grpId="0"/>
      <p:bldP spid="19" grpId="0"/>
      <p:bldP spid="25" grpId="0"/>
      <p:bldP spid="31" grpId="0"/>
      <p:bldP spid="34" grpId="0"/>
      <p:bldP spid="35" grpId="0"/>
      <p:bldP spid="4" grpId="0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476A973-B212-FFCF-CED0-ED4EADE67BE0}"/>
              </a:ext>
            </a:extLst>
          </p:cNvPr>
          <p:cNvSpPr txBox="1"/>
          <p:nvPr/>
        </p:nvSpPr>
        <p:spPr bwMode="gray">
          <a:xfrm>
            <a:off x="584201" y="210678"/>
            <a:ext cx="8806687" cy="13350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Neural Network </a:t>
            </a:r>
            <a:r>
              <a:rPr lang="en-US" sz="3200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(Deep Learning)</a:t>
            </a:r>
            <a:endParaRPr lang="en-US" sz="3600" dirty="0">
              <a:solidFill>
                <a:schemeClr val="tx2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A9780B2E-EAA2-FE3B-5423-FF1056F838F0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074" name="Picture 2" descr="Dark side of neural networks explained [2023]">
            <a:extLst>
              <a:ext uri="{FF2B5EF4-FFF2-40B4-BE49-F238E27FC236}">
                <a16:creationId xmlns:a16="http://schemas.microsoft.com/office/drawing/2014/main" id="{FA888FF7-C6F2-1AAD-A404-BD2F285BE57C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310"/>
          <a:stretch/>
        </p:blipFill>
        <p:spPr bwMode="auto">
          <a:xfrm>
            <a:off x="614568" y="999988"/>
            <a:ext cx="6484936" cy="490598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A57391D0-D0FE-6010-0051-0B327C48AC09}"/>
              </a:ext>
            </a:extLst>
          </p:cNvPr>
          <p:cNvSpPr txBox="1"/>
          <p:nvPr/>
        </p:nvSpPr>
        <p:spPr bwMode="gray">
          <a:xfrm>
            <a:off x="285217" y="2601087"/>
            <a:ext cx="953845" cy="4628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b="1" dirty="0"/>
              <a:t>x1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43E137A-8995-1449-D0A9-A129014B0A68}"/>
              </a:ext>
            </a:extLst>
          </p:cNvPr>
          <p:cNvSpPr txBox="1"/>
          <p:nvPr/>
        </p:nvSpPr>
        <p:spPr bwMode="gray">
          <a:xfrm>
            <a:off x="285216" y="3350299"/>
            <a:ext cx="953845" cy="4628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b="1" dirty="0"/>
              <a:t>x2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62D0EDC-DA66-9BD4-FE20-021A4056CB81}"/>
              </a:ext>
            </a:extLst>
          </p:cNvPr>
          <p:cNvSpPr txBox="1"/>
          <p:nvPr/>
        </p:nvSpPr>
        <p:spPr bwMode="gray">
          <a:xfrm>
            <a:off x="285217" y="4099511"/>
            <a:ext cx="953845" cy="4628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b="1" dirty="0"/>
              <a:t>x3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BA57E68-1C8A-F6E7-AD39-E029FAA4B34A}"/>
              </a:ext>
            </a:extLst>
          </p:cNvPr>
          <p:cNvSpPr txBox="1"/>
          <p:nvPr/>
        </p:nvSpPr>
        <p:spPr bwMode="gray">
          <a:xfrm>
            <a:off x="294587" y="4893040"/>
            <a:ext cx="953845" cy="4628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b="1" dirty="0"/>
              <a:t>x4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2A5A478-4511-AE41-163F-A6638C5166C6}"/>
              </a:ext>
            </a:extLst>
          </p:cNvPr>
          <p:cNvSpPr txBox="1"/>
          <p:nvPr/>
        </p:nvSpPr>
        <p:spPr bwMode="gray">
          <a:xfrm>
            <a:off x="3511614" y="2227379"/>
            <a:ext cx="953845" cy="4628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b="1" dirty="0"/>
              <a:t>a1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EAC4C55-C7A1-5F7C-3E66-F09EE4E2F5C5}"/>
              </a:ext>
            </a:extLst>
          </p:cNvPr>
          <p:cNvSpPr txBox="1"/>
          <p:nvPr/>
        </p:nvSpPr>
        <p:spPr bwMode="gray">
          <a:xfrm>
            <a:off x="3500856" y="2940262"/>
            <a:ext cx="953845" cy="4628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b="1" dirty="0"/>
              <a:t>a2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1A7C8CF-CCD1-A35E-C2CF-5474CF216852}"/>
              </a:ext>
            </a:extLst>
          </p:cNvPr>
          <p:cNvSpPr txBox="1"/>
          <p:nvPr/>
        </p:nvSpPr>
        <p:spPr bwMode="gray">
          <a:xfrm>
            <a:off x="3479340" y="3603229"/>
            <a:ext cx="953845" cy="4628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b="1" dirty="0"/>
              <a:t>a3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E1C2575-EA23-A62D-81CF-67A69C958755}"/>
              </a:ext>
            </a:extLst>
          </p:cNvPr>
          <p:cNvSpPr txBox="1"/>
          <p:nvPr/>
        </p:nvSpPr>
        <p:spPr bwMode="gray">
          <a:xfrm>
            <a:off x="3511614" y="4523186"/>
            <a:ext cx="953845" cy="4628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b="1" dirty="0"/>
              <a:t>a4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D13E81B-0164-2DDC-0F51-239706282C5F}"/>
              </a:ext>
            </a:extLst>
          </p:cNvPr>
          <p:cNvSpPr txBox="1"/>
          <p:nvPr/>
        </p:nvSpPr>
        <p:spPr bwMode="gray">
          <a:xfrm>
            <a:off x="3500856" y="5253674"/>
            <a:ext cx="953845" cy="4628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b="1" dirty="0"/>
              <a:t>a5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D55DCE3-CFB2-ED81-08B7-786E5523B228}"/>
              </a:ext>
            </a:extLst>
          </p:cNvPr>
          <p:cNvSpPr txBox="1"/>
          <p:nvPr/>
        </p:nvSpPr>
        <p:spPr bwMode="gray">
          <a:xfrm>
            <a:off x="5012325" y="2972613"/>
            <a:ext cx="2407160" cy="13350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7030A0"/>
                </a:solidFill>
              </a:rPr>
              <a:t>Reg – Numeric</a:t>
            </a:r>
            <a:r>
              <a:rPr lang="en-US" dirty="0">
                <a:solidFill>
                  <a:srgbClr val="7030A0"/>
                </a:solidFill>
              </a:rPr>
              <a:t> </a:t>
            </a:r>
            <a:r>
              <a:rPr lang="en-US" sz="1600" dirty="0"/>
              <a:t>(ex: 13.27)</a:t>
            </a:r>
            <a:endParaRPr lang="en-US" sz="2000" dirty="0"/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rgbClr val="7030A0"/>
                </a:solidFill>
              </a:rPr>
              <a:t>Or Classification </a:t>
            </a:r>
            <a:r>
              <a:rPr lang="en-US" sz="1600" dirty="0"/>
              <a:t>(ex: 13.27)</a:t>
            </a:r>
            <a:endParaRPr lang="en-US" sz="2000" dirty="0">
              <a:solidFill>
                <a:srgbClr val="7030A0"/>
              </a:solidFill>
            </a:endParaRPr>
          </a:p>
        </p:txBody>
      </p:sp>
      <p:graphicFrame>
        <p:nvGraphicFramePr>
          <p:cNvPr id="14" name="Table 13">
            <a:extLst>
              <a:ext uri="{FF2B5EF4-FFF2-40B4-BE49-F238E27FC236}">
                <a16:creationId xmlns:a16="http://schemas.microsoft.com/office/drawing/2014/main" id="{3FFCF291-A4BB-C142-B9BD-4E1B84F1813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51805937"/>
              </p:ext>
            </p:extLst>
          </p:nvPr>
        </p:nvGraphicFramePr>
        <p:xfrm>
          <a:off x="9216572" y="11002"/>
          <a:ext cx="2812978" cy="959941"/>
        </p:xfrm>
        <a:graphic>
          <a:graphicData uri="http://schemas.openxmlformats.org/drawingml/2006/table">
            <a:tbl>
              <a:tblPr>
                <a:tableStyleId>{5940675A-B579-460E-94D1-54222C63F5DA}</a:tableStyleId>
              </a:tblPr>
              <a:tblGrid>
                <a:gridCol w="478971">
                  <a:extLst>
                    <a:ext uri="{9D8B030D-6E8A-4147-A177-3AD203B41FA5}">
                      <a16:colId xmlns:a16="http://schemas.microsoft.com/office/drawing/2014/main" val="3911770451"/>
                    </a:ext>
                  </a:extLst>
                </a:gridCol>
                <a:gridCol w="551543">
                  <a:extLst>
                    <a:ext uri="{9D8B030D-6E8A-4147-A177-3AD203B41FA5}">
                      <a16:colId xmlns:a16="http://schemas.microsoft.com/office/drawing/2014/main" val="4034940457"/>
                    </a:ext>
                  </a:extLst>
                </a:gridCol>
                <a:gridCol w="598052">
                  <a:extLst>
                    <a:ext uri="{9D8B030D-6E8A-4147-A177-3AD203B41FA5}">
                      <a16:colId xmlns:a16="http://schemas.microsoft.com/office/drawing/2014/main" val="4166377007"/>
                    </a:ext>
                  </a:extLst>
                </a:gridCol>
                <a:gridCol w="555833">
                  <a:extLst>
                    <a:ext uri="{9D8B030D-6E8A-4147-A177-3AD203B41FA5}">
                      <a16:colId xmlns:a16="http://schemas.microsoft.com/office/drawing/2014/main" val="1710739531"/>
                    </a:ext>
                  </a:extLst>
                </a:gridCol>
                <a:gridCol w="628579">
                  <a:extLst>
                    <a:ext uri="{9D8B030D-6E8A-4147-A177-3AD203B41FA5}">
                      <a16:colId xmlns:a16="http://schemas.microsoft.com/office/drawing/2014/main" val="4005632882"/>
                    </a:ext>
                  </a:extLst>
                </a:gridCol>
              </a:tblGrid>
              <a:tr h="281464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x1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x2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x3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9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b="1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x4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Blue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03211043"/>
                  </a:ext>
                </a:extLst>
              </a:tr>
              <a:tr h="226159"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>
                          <a:effectLst/>
                        </a:rPr>
                        <a:t>27</a:t>
                      </a:r>
                      <a:endParaRPr lang="en-US" sz="12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>
                          <a:effectLst/>
                        </a:rPr>
                        <a:t>1363</a:t>
                      </a:r>
                      <a:endParaRPr lang="en-US" sz="12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 dirty="0">
                          <a:effectLst/>
                        </a:rPr>
                        <a:t>-0.005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BBvoice" panose="020D0603020503020204" pitchFamily="34" charset="0"/>
                        </a:rPr>
                        <a:t>169</a:t>
                      </a: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1</a:t>
                      </a:r>
                      <a:endParaRPr lang="en-US" sz="12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3194906339"/>
                  </a:ext>
                </a:extLst>
              </a:tr>
              <a:tr h="226159"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>
                          <a:effectLst/>
                        </a:rPr>
                        <a:t>26</a:t>
                      </a:r>
                      <a:endParaRPr lang="en-US" sz="12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>
                          <a:effectLst/>
                        </a:rPr>
                        <a:t>1303</a:t>
                      </a:r>
                      <a:endParaRPr lang="en-US" sz="12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 dirty="0">
                          <a:effectLst/>
                        </a:rPr>
                        <a:t>0.015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BBvoice" panose="020D0603020503020204" pitchFamily="34" charset="0"/>
                        </a:rPr>
                        <a:t>124</a:t>
                      </a: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2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1585827518"/>
                  </a:ext>
                </a:extLst>
              </a:tr>
              <a:tr h="226159"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>
                          <a:effectLst/>
                        </a:rPr>
                        <a:t>26</a:t>
                      </a:r>
                      <a:endParaRPr lang="en-US" sz="12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>
                          <a:effectLst/>
                        </a:rPr>
                        <a:t>1334</a:t>
                      </a:r>
                      <a:endParaRPr lang="en-US" sz="1200" b="0" i="0" u="none" strike="noStrike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 dirty="0">
                          <a:effectLst/>
                        </a:rPr>
                        <a:t>0.001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ABBvoice" panose="020D0603020503020204" pitchFamily="34" charset="0"/>
                        </a:rPr>
                        <a:t>113</a:t>
                      </a:r>
                    </a:p>
                  </a:txBody>
                  <a:tcPr marL="5443" marR="5443" marT="5443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200" u="none" strike="noStrike" dirty="0">
                          <a:solidFill>
                            <a:srgbClr val="0070C0"/>
                          </a:solidFill>
                          <a:effectLst/>
                        </a:rPr>
                        <a:t>0</a:t>
                      </a:r>
                      <a:endParaRPr lang="en-US" sz="1200" b="0" i="0" u="none" strike="noStrike" dirty="0">
                        <a:solidFill>
                          <a:srgbClr val="0070C0"/>
                        </a:solidFill>
                        <a:effectLst/>
                        <a:latin typeface="ABBvoice" panose="020D0603020503020204" pitchFamily="34" charset="0"/>
                      </a:endParaRPr>
                    </a:p>
                  </a:txBody>
                  <a:tcPr marL="5443" marR="5443" marT="5443" marB="0" anchor="b"/>
                </a:tc>
                <a:extLst>
                  <a:ext uri="{0D108BD9-81ED-4DB2-BD59-A6C34878D82A}">
                    <a16:rowId xmlns:a16="http://schemas.microsoft.com/office/drawing/2014/main" val="4231467966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CFD5446C-483D-FA8E-F828-D59B5C8A4013}"/>
                  </a:ext>
                </a:extLst>
              </p:cNvPr>
              <p:cNvSpPr txBox="1"/>
              <p:nvPr/>
            </p:nvSpPr>
            <p:spPr bwMode="gray">
              <a:xfrm>
                <a:off x="7883260" y="1180986"/>
                <a:ext cx="4205540" cy="68931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000" b="0" i="1" smtClean="0">
                          <a:solidFill>
                            <a:srgbClr val="0070C0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𝑎</m:t>
                      </m:r>
                      <m:r>
                        <a:rPr lang="en-US" sz="2000" b="0" i="1" smtClean="0">
                          <a:solidFill>
                            <a:srgbClr val="0070C0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1=</m:t>
                      </m:r>
                      <m:f>
                        <m:fPr>
                          <m:ctrlPr>
                            <a:rPr lang="en-US" sz="2000" i="1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</m:ctrlPr>
                        </m:fPr>
                        <m:num>
                          <m:r>
                            <a:rPr lang="en-US" sz="2000" i="1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1</m:t>
                          </m:r>
                        </m:num>
                        <m:den>
                          <m:r>
                            <a:rPr lang="en-US" sz="2000" i="1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1+</m:t>
                          </m:r>
                          <m:sSup>
                            <m:sSupPr>
                              <m:ctrlPr>
                                <a:rPr lang="en-US" sz="2000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</m:ctrlPr>
                            </m:sSupPr>
                            <m:e>
                              <m:r>
                                <a:rPr lang="en-US" sz="2000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𝑒</m:t>
                              </m:r>
                            </m:e>
                            <m:sup>
                              <m:r>
                                <a:rPr lang="en-US" sz="2000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−</m:t>
                              </m:r>
                              <m:r>
                                <a:rPr lang="en-US" sz="2000" b="1" i="1" smtClean="0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( </m:t>
                              </m:r>
                              <m:sSubSup>
                                <m:sSubSupPr>
                                  <m:ctrlP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𝟎</m:t>
                                  </m:r>
                                </m:sub>
                                <m:sup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𝟏</m:t>
                                  </m:r>
                                </m:sup>
                              </m:sSubSup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sSubSup>
                                    <m:sSubSupPr>
                                      <m:ctrlPr>
                                        <a:rPr lang="en-US" sz="2000" b="1" i="1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SupPr>
                                    <m:e>
                                      <m:r>
                                        <a:rPr lang="en-US" sz="2000" b="1" i="1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𝒃</m:t>
                                      </m:r>
                                    </m:e>
                                    <m:sub>
                                      <m:r>
                                        <a:rPr lang="en-US" sz="2000" b="1" i="1" smtClean="0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𝟏</m:t>
                                      </m:r>
                                    </m:sub>
                                    <m:sup>
                                      <m:r>
                                        <a:rPr lang="en-US" sz="2000" b="1" i="1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𝟏</m:t>
                                      </m:r>
                                    </m:sup>
                                  </m:sSubSup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𝟏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𝟐</m:t>
                                  </m:r>
                                </m:sub>
                                <m:sup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𝟏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𝟐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𝟑</m:t>
                                  </m:r>
                                </m:sub>
                                <m:sup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𝟏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𝟑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𝟒</m:t>
                                  </m:r>
                                </m:sub>
                                <m:sup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𝟏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𝟒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sup>
                          </m:sSup>
                        </m:den>
                      </m:f>
                    </m:oMath>
                  </m:oMathPara>
                </a14:m>
                <a:endParaRPr lang="en-US" sz="2400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CFD5446C-483D-FA8E-F828-D59B5C8A401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883260" y="1180986"/>
                <a:ext cx="4205540" cy="689316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2B1095D4-3849-C0F0-DEF1-DADA35C3BEAD}"/>
                  </a:ext>
                </a:extLst>
              </p:cNvPr>
              <p:cNvSpPr txBox="1"/>
              <p:nvPr/>
            </p:nvSpPr>
            <p:spPr bwMode="gray">
              <a:xfrm>
                <a:off x="7883205" y="1902270"/>
                <a:ext cx="4205540" cy="68931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000" b="0" i="1" smtClean="0">
                          <a:solidFill>
                            <a:srgbClr val="0070C0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𝑎</m:t>
                      </m:r>
                      <m:r>
                        <a:rPr lang="en-US" sz="2000" b="0" i="1" smtClean="0">
                          <a:solidFill>
                            <a:srgbClr val="0070C0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2=</m:t>
                      </m:r>
                      <m:f>
                        <m:fPr>
                          <m:ctrlPr>
                            <a:rPr lang="en-US" sz="2000" i="1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</m:ctrlPr>
                        </m:fPr>
                        <m:num>
                          <m:r>
                            <a:rPr lang="en-US" sz="2000" i="1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1</m:t>
                          </m:r>
                        </m:num>
                        <m:den>
                          <m:r>
                            <a:rPr lang="en-US" sz="2000" i="1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1+</m:t>
                          </m:r>
                          <m:sSup>
                            <m:sSupPr>
                              <m:ctrlPr>
                                <a:rPr lang="en-US" sz="2000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</m:ctrlPr>
                            </m:sSupPr>
                            <m:e>
                              <m:r>
                                <a:rPr lang="en-US" sz="2000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𝑒</m:t>
                              </m:r>
                            </m:e>
                            <m:sup>
                              <m:r>
                                <a:rPr lang="en-US" sz="2000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−</m:t>
                              </m:r>
                              <m:r>
                                <a:rPr lang="en-US" sz="2000" b="0" i="1" smtClean="0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(</m:t>
                              </m:r>
                              <m:sSubSup>
                                <m:sSubSupPr>
                                  <m:ctrlP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𝟎</m:t>
                                  </m:r>
                                </m:sub>
                                <m:sup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𝟐</m:t>
                                  </m:r>
                                </m:sup>
                              </m:sSubSup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sSubSup>
                                    <m:sSubSupPr>
                                      <m:ctrlPr>
                                        <a:rPr lang="en-US" sz="2000" b="1" i="1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SupPr>
                                    <m:e>
                                      <m:r>
                                        <a:rPr lang="en-US" sz="2000" b="1" i="1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𝒃</m:t>
                                      </m:r>
                                    </m:e>
                                    <m:sub>
                                      <m:r>
                                        <a:rPr lang="en-US" sz="2000" b="1" i="1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𝟏</m:t>
                                      </m:r>
                                    </m:sub>
                                    <m:sup>
                                      <m:r>
                                        <a:rPr lang="en-US" sz="2000" b="1" i="1" smtClean="0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𝟐</m:t>
                                      </m:r>
                                    </m:sup>
                                  </m:sSubSup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𝟏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𝟐</m:t>
                                  </m:r>
                                </m:sub>
                                <m:sup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𝟐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𝟐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𝟑</m:t>
                                  </m:r>
                                </m:sub>
                                <m:sup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𝟐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𝟑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𝟒</m:t>
                                  </m:r>
                                </m:sub>
                                <m:sup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𝟐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𝟒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sup>
                          </m:sSup>
                        </m:den>
                      </m:f>
                    </m:oMath>
                  </m:oMathPara>
                </a14:m>
                <a:endParaRPr lang="en-US" sz="2400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2B1095D4-3849-C0F0-DEF1-DADA35C3BEA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883205" y="1902270"/>
                <a:ext cx="4205540" cy="689316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9B4886E0-E62C-36A3-FD1E-E9BE7C23C048}"/>
                  </a:ext>
                </a:extLst>
              </p:cNvPr>
              <p:cNvSpPr txBox="1"/>
              <p:nvPr/>
            </p:nvSpPr>
            <p:spPr bwMode="gray">
              <a:xfrm>
                <a:off x="7787993" y="2665508"/>
                <a:ext cx="4205540" cy="68931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noAutofit/>
              </a:bodyPr>
              <a:lstStyle/>
              <a:p>
                <a:pPr>
                  <a:spcBef>
                    <a:spcPts val="60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000" b="0" i="1" smtClean="0">
                          <a:solidFill>
                            <a:srgbClr val="0070C0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𝑎</m:t>
                      </m:r>
                      <m:r>
                        <a:rPr lang="en-US" sz="2000" b="0" i="1" smtClean="0">
                          <a:solidFill>
                            <a:srgbClr val="0070C0"/>
                          </a:solidFill>
                          <a:latin typeface="Cambria Math" panose="02040503050406030204" pitchFamily="18" charset="0"/>
                          <a:sym typeface="Symbol" panose="05050102010706020507" pitchFamily="18" charset="2"/>
                        </a:rPr>
                        <m:t>3=</m:t>
                      </m:r>
                      <m:f>
                        <m:fPr>
                          <m:ctrlPr>
                            <a:rPr lang="en-US" sz="2000" i="1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</m:ctrlPr>
                        </m:fPr>
                        <m:num>
                          <m:r>
                            <a:rPr lang="en-US" sz="2000" i="1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1</m:t>
                          </m:r>
                        </m:num>
                        <m:den>
                          <m:r>
                            <a:rPr lang="en-US" sz="2000" i="1">
                              <a:solidFill>
                                <a:srgbClr val="0070C0"/>
                              </a:solidFill>
                              <a:latin typeface="Cambria Math" panose="02040503050406030204" pitchFamily="18" charset="0"/>
                              <a:sym typeface="Symbol" panose="05050102010706020507" pitchFamily="18" charset="2"/>
                            </a:rPr>
                            <m:t>1+</m:t>
                          </m:r>
                          <m:sSup>
                            <m:sSupPr>
                              <m:ctrlPr>
                                <a:rPr lang="en-US" sz="2000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</m:ctrlPr>
                            </m:sSupPr>
                            <m:e>
                              <m:r>
                                <a:rPr lang="en-US" sz="2000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𝑒</m:t>
                              </m:r>
                            </m:e>
                            <m:sup>
                              <m:r>
                                <a:rPr lang="en-US" sz="2000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−</m:t>
                              </m:r>
                              <m:r>
                                <a:rPr lang="en-US" sz="2000" b="0" i="1" smtClean="0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sym typeface="Symbol" panose="05050102010706020507" pitchFamily="18" charset="2"/>
                                </a:rPr>
                                <m:t>(</m:t>
                              </m:r>
                              <m:sSubSup>
                                <m:sSubSupPr>
                                  <m:ctrlP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𝟎</m:t>
                                  </m:r>
                                </m:sub>
                                <m:sup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𝟑</m:t>
                                  </m:r>
                                </m:sup>
                              </m:sSubSup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sSubSup>
                                    <m:sSubSupPr>
                                      <m:ctrlPr>
                                        <a:rPr lang="en-US" sz="2000" b="1" i="1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SupPr>
                                    <m:e>
                                      <m:r>
                                        <a:rPr lang="en-US" sz="2000" b="1" i="1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𝒃</m:t>
                                      </m:r>
                                    </m:e>
                                    <m:sub>
                                      <m:r>
                                        <a:rPr lang="en-US" sz="2000" b="1" i="1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𝟏</m:t>
                                      </m:r>
                                    </m:sub>
                                    <m:sup>
                                      <m:r>
                                        <a:rPr lang="en-US" sz="2000" b="1" i="1" smtClean="0">
                                          <a:solidFill>
                                            <a:srgbClr val="00B05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𝟑</m:t>
                                      </m:r>
                                    </m:sup>
                                  </m:sSubSup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𝟏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𝟐</m:t>
                                  </m:r>
                                </m:sub>
                                <m:sup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𝟑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𝟐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𝟑</m:t>
                                  </m:r>
                                </m:sub>
                                <m:sup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𝟑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𝟑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B05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𝒃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𝟒</m:t>
                                  </m:r>
                                </m:sub>
                                <m:sup>
                                  <m:r>
                                    <a:rPr lang="en-US" sz="2000" b="1" i="1" smtClean="0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𝟑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  <a:sym typeface="Symbol" panose="05050102010706020507" pitchFamily="18" charset="2"/>
                                    </a:rPr>
                                    <m:t>𝒙</m:t>
                                  </m:r>
                                </m:e>
                                <m:sub>
                                  <m:r>
                                    <a:rPr lang="en-US" sz="2000" b="1" i="1">
                                      <a:solidFill>
                                        <a:srgbClr val="00B050"/>
                                      </a:solidFill>
                                      <a:latin typeface="Cambria Math" panose="02040503050406030204" pitchFamily="18" charset="0"/>
                                    </a:rPr>
                                    <m:t>𝟒</m:t>
                                  </m:r>
                                </m:sub>
                              </m:sSub>
                              <m:r>
                                <a:rPr lang="en-US" sz="2000" b="1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sup>
                          </m:sSup>
                        </m:den>
                      </m:f>
                    </m:oMath>
                  </m:oMathPara>
                </a14:m>
                <a:endParaRPr lang="en-US" sz="2400" dirty="0">
                  <a:solidFill>
                    <a:srgbClr val="0070C0"/>
                  </a:solidFill>
                </a:endParaRPr>
              </a:p>
              <a:p>
                <a:pPr algn="l">
                  <a:spcBef>
                    <a:spcPts val="600"/>
                  </a:spcBef>
                </a:pPr>
                <a:endParaRPr lang="en-US" sz="2400" dirty="0">
                  <a:solidFill>
                    <a:srgbClr val="0070C0"/>
                  </a:solidFill>
                </a:endParaRPr>
              </a:p>
            </p:txBody>
          </p:sp>
        </mc:Choice>
        <mc:Fallback xmlns="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9B4886E0-E62C-36A3-FD1E-E9BE7C23C0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787993" y="2665508"/>
                <a:ext cx="4205540" cy="689316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8" name="TextBox 17">
            <a:extLst>
              <a:ext uri="{FF2B5EF4-FFF2-40B4-BE49-F238E27FC236}">
                <a16:creationId xmlns:a16="http://schemas.microsoft.com/office/drawing/2014/main" id="{BA38938F-F752-48F3-AD3C-77F04EAB1EC5}"/>
              </a:ext>
            </a:extLst>
          </p:cNvPr>
          <p:cNvSpPr txBox="1"/>
          <p:nvPr/>
        </p:nvSpPr>
        <p:spPr bwMode="gray">
          <a:xfrm>
            <a:off x="8538840" y="3416184"/>
            <a:ext cx="677732" cy="90947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1200"/>
              </a:lnSpc>
            </a:pPr>
            <a:r>
              <a:rPr lang="en-US" sz="2400" b="1" dirty="0"/>
              <a:t>.</a:t>
            </a:r>
          </a:p>
          <a:p>
            <a:pPr algn="l">
              <a:lnSpc>
                <a:spcPts val="1200"/>
              </a:lnSpc>
            </a:pPr>
            <a:r>
              <a:rPr lang="en-US" sz="2400" b="1" dirty="0"/>
              <a:t>.</a:t>
            </a:r>
          </a:p>
          <a:p>
            <a:pPr algn="l">
              <a:lnSpc>
                <a:spcPts val="1200"/>
              </a:lnSpc>
            </a:pPr>
            <a:r>
              <a:rPr lang="en-US" sz="2400" b="1" dirty="0"/>
              <a:t>.</a:t>
            </a:r>
          </a:p>
          <a:p>
            <a:pPr algn="l">
              <a:lnSpc>
                <a:spcPts val="1200"/>
              </a:lnSpc>
            </a:pPr>
            <a:r>
              <a:rPr lang="en-US" sz="2400" b="1" dirty="0"/>
              <a:t>.</a:t>
            </a:r>
          </a:p>
          <a:p>
            <a:pPr algn="l">
              <a:lnSpc>
                <a:spcPts val="1200"/>
              </a:lnSpc>
            </a:pPr>
            <a:r>
              <a:rPr lang="en-US" sz="2400" b="1" dirty="0"/>
              <a:t>.</a:t>
            </a: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8CCCE647-9F7E-58D8-998E-CADD4CF7571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03229" y="4233901"/>
            <a:ext cx="4963994" cy="24889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0267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/>
      <p:bldP spid="16" grpId="0"/>
      <p:bldP spid="17" grpId="0"/>
      <p:bldP spid="18" grpId="0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A51752B5-B662-4EBC-A24B-A1600EC116A4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Box 4">
            <a:extLst>
              <a:ext uri="{FF2B5EF4-FFF2-40B4-BE49-F238E27FC236}">
                <a16:creationId xmlns:a16="http://schemas.microsoft.com/office/drawing/2014/main" id="{00B53052-B705-23D1-55AC-18B0D285B20E}"/>
              </a:ext>
            </a:extLst>
          </p:cNvPr>
          <p:cNvSpPr txBox="1"/>
          <p:nvPr/>
        </p:nvSpPr>
        <p:spPr bwMode="gray">
          <a:xfrm>
            <a:off x="2167122" y="4668253"/>
            <a:ext cx="2680275" cy="48658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Classification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3DD631E-FF87-CF84-4863-561057D0580E}"/>
              </a:ext>
            </a:extLst>
          </p:cNvPr>
          <p:cNvSpPr txBox="1"/>
          <p:nvPr/>
        </p:nvSpPr>
        <p:spPr bwMode="gray">
          <a:xfrm>
            <a:off x="584201" y="228966"/>
            <a:ext cx="5152570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Classification Vs Clustering</a:t>
            </a:r>
            <a:endParaRPr lang="en-US" sz="3000" b="1" dirty="0">
              <a:solidFill>
                <a:srgbClr val="0070C0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0B70B4-6526-6442-5F0E-DE508B0C7785}"/>
              </a:ext>
            </a:extLst>
          </p:cNvPr>
          <p:cNvSpPr txBox="1"/>
          <p:nvPr/>
        </p:nvSpPr>
        <p:spPr bwMode="gray">
          <a:xfrm>
            <a:off x="8470143" y="4615662"/>
            <a:ext cx="2096359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Clustering</a:t>
            </a: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34EA0937-DD38-605C-E7D3-29A67B7DE67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93388" y="1060576"/>
            <a:ext cx="5645599" cy="3295809"/>
          </a:xfrm>
          <a:prstGeom prst="rect">
            <a:avLst/>
          </a:prstGeom>
        </p:spPr>
      </p:pic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9EB8D9A4-191D-08F5-0B55-486D4B6A6310}"/>
              </a:ext>
            </a:extLst>
          </p:cNvPr>
          <p:cNvCxnSpPr>
            <a:cxnSpLocks/>
          </p:cNvCxnSpPr>
          <p:nvPr/>
        </p:nvCxnSpPr>
        <p:spPr bwMode="gray">
          <a:xfrm flipV="1">
            <a:off x="493388" y="1229717"/>
            <a:ext cx="0" cy="3126668"/>
          </a:xfrm>
          <a:prstGeom prst="line">
            <a:avLst/>
          </a:prstGeom>
          <a:ln w="317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5FE1ED55-76E9-542D-93BB-8A853444039E}"/>
              </a:ext>
            </a:extLst>
          </p:cNvPr>
          <p:cNvCxnSpPr>
            <a:cxnSpLocks/>
          </p:cNvCxnSpPr>
          <p:nvPr/>
        </p:nvCxnSpPr>
        <p:spPr bwMode="gray">
          <a:xfrm>
            <a:off x="464459" y="4369739"/>
            <a:ext cx="5597169" cy="0"/>
          </a:xfrm>
          <a:prstGeom prst="line">
            <a:avLst/>
          </a:prstGeom>
          <a:ln w="317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46" name="Picture 45">
            <a:extLst>
              <a:ext uri="{FF2B5EF4-FFF2-40B4-BE49-F238E27FC236}">
                <a16:creationId xmlns:a16="http://schemas.microsoft.com/office/drawing/2014/main" id="{02914CD3-0BC5-25FC-7C6B-F3971B80FBE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38886" y="962916"/>
            <a:ext cx="5469744" cy="3636519"/>
          </a:xfrm>
          <a:prstGeom prst="rect">
            <a:avLst/>
          </a:prstGeom>
        </p:spPr>
      </p:pic>
      <p:sp>
        <p:nvSpPr>
          <p:cNvPr id="47" name="TextBox 46">
            <a:extLst>
              <a:ext uri="{FF2B5EF4-FFF2-40B4-BE49-F238E27FC236}">
                <a16:creationId xmlns:a16="http://schemas.microsoft.com/office/drawing/2014/main" id="{B18F2F8E-211E-65E9-9DD7-111B6AB96438}"/>
              </a:ext>
            </a:extLst>
          </p:cNvPr>
          <p:cNvSpPr txBox="1"/>
          <p:nvPr/>
        </p:nvSpPr>
        <p:spPr bwMode="gray">
          <a:xfrm>
            <a:off x="833844" y="5279549"/>
            <a:ext cx="5227784" cy="103575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200" dirty="0">
                <a:latin typeface="Arial" panose="020B0604020202020204" pitchFamily="34" charset="0"/>
                <a:cs typeface="Arial" panose="020B0604020202020204" pitchFamily="34" charset="0"/>
              </a:rPr>
              <a:t>Supervised Learning with Target/Labels</a:t>
            </a:r>
          </a:p>
          <a:p>
            <a:pPr algn="l">
              <a:spcBef>
                <a:spcPts val="600"/>
              </a:spcBef>
            </a:pPr>
            <a:r>
              <a:rPr lang="en-US" sz="2200" dirty="0">
                <a:latin typeface="Arial" panose="020B0604020202020204" pitchFamily="34" charset="0"/>
                <a:cs typeface="Arial" panose="020B0604020202020204" pitchFamily="34" charset="0"/>
              </a:rPr>
              <a:t>Labels – Yes/No, color type, disease type  etc.</a:t>
            </a:r>
          </a:p>
        </p:txBody>
      </p:sp>
      <p:sp>
        <p:nvSpPr>
          <p:cNvPr id="48" name="TextBox 47">
            <a:extLst>
              <a:ext uri="{FF2B5EF4-FFF2-40B4-BE49-F238E27FC236}">
                <a16:creationId xmlns:a16="http://schemas.microsoft.com/office/drawing/2014/main" id="{545CEC02-59F4-65B4-4658-AB984D7AAAA9}"/>
              </a:ext>
            </a:extLst>
          </p:cNvPr>
          <p:cNvSpPr txBox="1"/>
          <p:nvPr/>
        </p:nvSpPr>
        <p:spPr bwMode="gray">
          <a:xfrm>
            <a:off x="6769527" y="5279549"/>
            <a:ext cx="5227784" cy="103575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200" dirty="0">
                <a:latin typeface="Arial" panose="020B0604020202020204" pitchFamily="34" charset="0"/>
                <a:cs typeface="Arial" panose="020B0604020202020204" pitchFamily="34" charset="0"/>
              </a:rPr>
              <a:t>Un-Supervised Learning with no Labels</a:t>
            </a:r>
          </a:p>
          <a:p>
            <a:pPr algn="l">
              <a:spcBef>
                <a:spcPts val="600"/>
              </a:spcBef>
            </a:pPr>
            <a:r>
              <a:rPr lang="en-US" sz="2200" dirty="0">
                <a:latin typeface="Arial" panose="020B0604020202020204" pitchFamily="34" charset="0"/>
                <a:cs typeface="Arial" panose="020B0604020202020204" pitchFamily="34" charset="0"/>
              </a:rPr>
              <a:t>Ex. – spam filter, </a:t>
            </a:r>
            <a:r>
              <a:rPr lang="en-US" sz="2200">
                <a:latin typeface="Arial" panose="020B0604020202020204" pitchFamily="34" charset="0"/>
                <a:cs typeface="Arial" panose="020B0604020202020204" pitchFamily="34" charset="0"/>
              </a:rPr>
              <a:t>Fraud detection, </a:t>
            </a:r>
            <a:endParaRPr lang="en-US" sz="22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004710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ctangle 20">
            <a:extLst>
              <a:ext uri="{FF2B5EF4-FFF2-40B4-BE49-F238E27FC236}">
                <a16:creationId xmlns:a16="http://schemas.microsoft.com/office/drawing/2014/main" id="{08CBE720-417C-D40F-73B6-3654C113E624}"/>
              </a:ext>
            </a:extLst>
          </p:cNvPr>
          <p:cNvSpPr/>
          <p:nvPr/>
        </p:nvSpPr>
        <p:spPr bwMode="gray">
          <a:xfrm>
            <a:off x="7649112" y="1714548"/>
            <a:ext cx="3307664" cy="821823"/>
          </a:xfrm>
          <a:prstGeom prst="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8425D0C2-2CA1-EDFF-EFA9-CA4FC2CC9D8A}"/>
              </a:ext>
            </a:extLst>
          </p:cNvPr>
          <p:cNvSpPr txBox="1"/>
          <p:nvPr/>
        </p:nvSpPr>
        <p:spPr bwMode="gray">
          <a:xfrm>
            <a:off x="584202" y="210678"/>
            <a:ext cx="4352192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Technology Recap </a:t>
            </a: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96A2E078-A914-3D45-4CCE-5838F691B242}"/>
              </a:ext>
            </a:extLst>
          </p:cNvPr>
          <p:cNvSpPr/>
          <p:nvPr/>
        </p:nvSpPr>
        <p:spPr bwMode="gray">
          <a:xfrm>
            <a:off x="616750" y="1105029"/>
            <a:ext cx="5125914" cy="5026375"/>
          </a:xfrm>
          <a:prstGeom prst="ellipse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2F156B7F-A2F7-57E3-B698-F62E44C8EE87}"/>
              </a:ext>
            </a:extLst>
          </p:cNvPr>
          <p:cNvSpPr/>
          <p:nvPr/>
        </p:nvSpPr>
        <p:spPr bwMode="gray">
          <a:xfrm>
            <a:off x="1698203" y="3013118"/>
            <a:ext cx="3288322" cy="3051009"/>
          </a:xfrm>
          <a:prstGeom prst="ellipse">
            <a:avLst/>
          </a:prstGeom>
          <a:solidFill>
            <a:schemeClr val="bg1">
              <a:lumMod val="6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FC1AF51-089B-0A4F-B724-D52D28EA8ADE}"/>
              </a:ext>
            </a:extLst>
          </p:cNvPr>
          <p:cNvSpPr txBox="1"/>
          <p:nvPr/>
        </p:nvSpPr>
        <p:spPr bwMode="gray">
          <a:xfrm>
            <a:off x="1805831" y="1720335"/>
            <a:ext cx="2835030" cy="142294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3200" dirty="0">
                <a:solidFill>
                  <a:srgbClr val="FFD100"/>
                </a:solidFill>
                <a:latin typeface="Bahnschrift SemiCondensed" panose="020B0502040204020203" pitchFamily="34" charset="0"/>
              </a:rPr>
              <a:t>Artificial Intelligence (AI)</a:t>
            </a: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2E4D399-4B67-57EC-B2E3-1EA4A33CD4BC}"/>
              </a:ext>
            </a:extLst>
          </p:cNvPr>
          <p:cNvSpPr/>
          <p:nvPr/>
        </p:nvSpPr>
        <p:spPr bwMode="gray">
          <a:xfrm>
            <a:off x="3801596" y="3346364"/>
            <a:ext cx="2687726" cy="2751402"/>
          </a:xfrm>
          <a:prstGeom prst="ellipse">
            <a:avLst/>
          </a:prstGeom>
          <a:solidFill>
            <a:srgbClr val="817275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C1BDFEE-44A9-B398-2F38-E1226BE7F8CE}"/>
              </a:ext>
            </a:extLst>
          </p:cNvPr>
          <p:cNvSpPr txBox="1"/>
          <p:nvPr/>
        </p:nvSpPr>
        <p:spPr bwMode="gray">
          <a:xfrm>
            <a:off x="1939154" y="3796250"/>
            <a:ext cx="2218594" cy="17071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3200" dirty="0">
                <a:solidFill>
                  <a:srgbClr val="FFFF00"/>
                </a:solidFill>
                <a:latin typeface="Bahnschrift SemiCondensed" panose="020B0502040204020203" pitchFamily="34" charset="0"/>
              </a:rPr>
              <a:t>Machine Learning</a:t>
            </a:r>
          </a:p>
          <a:p>
            <a:pPr algn="ctr">
              <a:spcBef>
                <a:spcPts val="600"/>
              </a:spcBef>
            </a:pPr>
            <a:r>
              <a:rPr lang="en-US" sz="3200" dirty="0">
                <a:solidFill>
                  <a:srgbClr val="FFFF00"/>
                </a:solidFill>
                <a:latin typeface="Bahnschrift SemiCondensed" panose="020B0502040204020203" pitchFamily="34" charset="0"/>
              </a:rPr>
              <a:t>(ML)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FBE7D43-BE0A-2DEF-D255-2A6E1700CDCA}"/>
              </a:ext>
            </a:extLst>
          </p:cNvPr>
          <p:cNvSpPr txBox="1"/>
          <p:nvPr/>
        </p:nvSpPr>
        <p:spPr bwMode="gray">
          <a:xfrm>
            <a:off x="4376927" y="4248282"/>
            <a:ext cx="1752454" cy="8030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3200" dirty="0" err="1">
                <a:solidFill>
                  <a:srgbClr val="FFD100"/>
                </a:solidFill>
                <a:latin typeface="Bahnschrift SemiCondensed" panose="020B0502040204020203" pitchFamily="34" charset="0"/>
              </a:rPr>
              <a:t>Maths</a:t>
            </a:r>
            <a:r>
              <a:rPr lang="en-US" sz="3200" dirty="0">
                <a:solidFill>
                  <a:srgbClr val="FFD100"/>
                </a:solidFill>
                <a:latin typeface="Bahnschrift SemiCondensed" panose="020B0502040204020203" pitchFamily="34" charset="0"/>
              </a:rPr>
              <a:t> &amp; Stats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3A9BE544-62A8-51DC-9B90-413F73089003}"/>
              </a:ext>
            </a:extLst>
          </p:cNvPr>
          <p:cNvSpPr txBox="1"/>
          <p:nvPr/>
        </p:nvSpPr>
        <p:spPr bwMode="gray">
          <a:xfrm>
            <a:off x="7021866" y="766541"/>
            <a:ext cx="3307664" cy="58808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3400" dirty="0">
                <a:solidFill>
                  <a:schemeClr val="tx2">
                    <a:lumMod val="50000"/>
                  </a:schemeClr>
                </a:solidFill>
                <a:latin typeface="Bahnschrift SemiCondensed" panose="020B0502040204020203" pitchFamily="34" charset="0"/>
              </a:rPr>
              <a:t>Machine Learning: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95F83532-4E60-387E-8C91-032FC92A48B8}"/>
              </a:ext>
            </a:extLst>
          </p:cNvPr>
          <p:cNvSpPr txBox="1"/>
          <p:nvPr/>
        </p:nvSpPr>
        <p:spPr bwMode="gray">
          <a:xfrm>
            <a:off x="7866706" y="1714548"/>
            <a:ext cx="3868031" cy="204691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342900" indent="-342900" algn="l">
              <a:spcBef>
                <a:spcPts val="600"/>
              </a:spcBef>
              <a:buAutoNum type="arabicPeriod"/>
            </a:pPr>
            <a:r>
              <a:rPr lang="en-US" sz="2200" dirty="0">
                <a:latin typeface="Bahnschrift SemiCondensed" panose="020B0502040204020203" pitchFamily="34" charset="0"/>
              </a:rPr>
              <a:t>Supervised Learning</a:t>
            </a:r>
          </a:p>
          <a:p>
            <a:pPr marL="342900" indent="-342900" algn="l">
              <a:spcBef>
                <a:spcPts val="600"/>
              </a:spcBef>
              <a:buAutoNum type="arabicPeriod"/>
            </a:pPr>
            <a:r>
              <a:rPr lang="en-US" sz="2200" dirty="0">
                <a:latin typeface="Bahnschrift SemiCondensed" panose="020B0502040204020203" pitchFamily="34" charset="0"/>
              </a:rPr>
              <a:t>Un-Supervised Learning</a:t>
            </a:r>
          </a:p>
          <a:p>
            <a:pPr marL="342900" indent="-342900" algn="l">
              <a:spcBef>
                <a:spcPts val="600"/>
              </a:spcBef>
              <a:buAutoNum type="arabicPeriod"/>
            </a:pPr>
            <a:r>
              <a:rPr lang="en-US" sz="2200" dirty="0">
                <a:latin typeface="Bahnschrift SemiCondensed" panose="020B0502040204020203" pitchFamily="34" charset="0"/>
              </a:rPr>
              <a:t>Reinforcement Learning (RL)</a:t>
            </a:r>
          </a:p>
          <a:p>
            <a:pPr marL="342900" indent="-342900" algn="l">
              <a:spcBef>
                <a:spcPts val="600"/>
              </a:spcBef>
              <a:buAutoNum type="arabicPeriod"/>
            </a:pPr>
            <a:r>
              <a:rPr lang="en-US" sz="2200" dirty="0">
                <a:latin typeface="Bahnschrift SemiCondensed" panose="020B0502040204020203" pitchFamily="34" charset="0"/>
              </a:rPr>
              <a:t>Semi-Supervised Learning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F06895D6-2FD7-948E-1E52-9A6D435EDC39}"/>
              </a:ext>
            </a:extLst>
          </p:cNvPr>
          <p:cNvSpPr txBox="1"/>
          <p:nvPr/>
        </p:nvSpPr>
        <p:spPr bwMode="gray">
          <a:xfrm>
            <a:off x="7112369" y="3581212"/>
            <a:ext cx="3772839" cy="58808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3400" dirty="0">
                <a:solidFill>
                  <a:schemeClr val="tx2">
                    <a:lumMod val="50000"/>
                  </a:schemeClr>
                </a:solidFill>
                <a:latin typeface="Bahnschrift SemiCondensed" panose="020B0502040204020203" pitchFamily="34" charset="0"/>
              </a:rPr>
              <a:t>Artificial Intelligence: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4B0BB7AD-4394-5212-6CA8-3147F6C5D56A}"/>
              </a:ext>
            </a:extLst>
          </p:cNvPr>
          <p:cNvSpPr txBox="1"/>
          <p:nvPr/>
        </p:nvSpPr>
        <p:spPr bwMode="gray">
          <a:xfrm>
            <a:off x="7550665" y="1258724"/>
            <a:ext cx="3564898" cy="45921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200" dirty="0">
                <a:solidFill>
                  <a:srgbClr val="00B050"/>
                </a:solidFill>
                <a:latin typeface="Bahnschrift SemiCondensed" panose="020B0502040204020203" pitchFamily="34" charset="0"/>
              </a:rPr>
              <a:t>(Intelligence with Data)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64317ABC-08B5-7752-9851-98256BABD6C9}"/>
              </a:ext>
            </a:extLst>
          </p:cNvPr>
          <p:cNvSpPr txBox="1"/>
          <p:nvPr/>
        </p:nvSpPr>
        <p:spPr bwMode="gray">
          <a:xfrm>
            <a:off x="7550665" y="4124783"/>
            <a:ext cx="4375054" cy="45921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2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(Intelligence with and without Data)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12F68AB8-BE71-B598-3A23-282C4140CFB6}"/>
              </a:ext>
            </a:extLst>
          </p:cNvPr>
          <p:cNvSpPr txBox="1"/>
          <p:nvPr/>
        </p:nvSpPr>
        <p:spPr bwMode="gray">
          <a:xfrm>
            <a:off x="7877593" y="4562906"/>
            <a:ext cx="4048126" cy="208826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342900" indent="-342900" algn="l">
              <a:spcBef>
                <a:spcPts val="600"/>
              </a:spcBef>
              <a:buAutoNum type="arabicPeriod"/>
            </a:pPr>
            <a:r>
              <a:rPr lang="en-US" sz="2200" dirty="0">
                <a:latin typeface="Bahnschrift SemiCondensed" panose="020B0502040204020203" pitchFamily="34" charset="0"/>
              </a:rPr>
              <a:t>All ML</a:t>
            </a:r>
          </a:p>
          <a:p>
            <a:pPr marL="342900" indent="-342900" algn="l">
              <a:spcBef>
                <a:spcPts val="600"/>
              </a:spcBef>
              <a:buAutoNum type="arabicPeriod"/>
            </a:pPr>
            <a:r>
              <a:rPr lang="en-US" sz="2200" dirty="0">
                <a:latin typeface="Bahnschrift SemiCondensed" panose="020B0502040204020203" pitchFamily="34" charset="0"/>
              </a:rPr>
              <a:t>Optimization and Path Planning Algorithms (ACO, A*, Swarm)</a:t>
            </a:r>
          </a:p>
          <a:p>
            <a:pPr marL="342900" indent="-342900" algn="l">
              <a:spcBef>
                <a:spcPts val="600"/>
              </a:spcBef>
              <a:buAutoNum type="arabicPeriod"/>
            </a:pPr>
            <a:r>
              <a:rPr lang="en-US" sz="2200" dirty="0">
                <a:latin typeface="Bahnschrift SemiCondensed" panose="020B0502040204020203" pitchFamily="34" charset="0"/>
              </a:rPr>
              <a:t>Genetic Algorithm, Simulated Annealing etc.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EEC501DA-29D3-F4EC-5DD0-DDBA65ECD4B9}"/>
              </a:ext>
            </a:extLst>
          </p:cNvPr>
          <p:cNvSpPr txBox="1"/>
          <p:nvPr/>
        </p:nvSpPr>
        <p:spPr bwMode="gray">
          <a:xfrm>
            <a:off x="10907160" y="1414043"/>
            <a:ext cx="1018559" cy="8693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20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Data Driven Models</a:t>
            </a:r>
          </a:p>
        </p:txBody>
      </p:sp>
    </p:spTree>
    <p:extLst>
      <p:ext uri="{BB962C8B-B14F-4D97-AF65-F5344CB8AC3E}">
        <p14:creationId xmlns:p14="http://schemas.microsoft.com/office/powerpoint/2010/main" val="15350266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9" dur="25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0" dur="25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1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3" dur="25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4" dur="25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5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7" dur="25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8" dur="25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3" dur="25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4" dur="25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5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7" dur="25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8" dur="25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9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1" dur="250" fill="hold"/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2" dur="250" fill="hold"/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7" dur="25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8" fill="hold">
                            <p:stCondLst>
                              <p:cond delay="250"/>
                            </p:stCondLst>
                            <p:childTnLst>
                              <p:par>
                                <p:cTn id="59" presetID="2" presetClass="entr" presetSubtype="2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61" dur="25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62" dur="25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1" grpId="0" animBg="1"/>
      <p:bldP spid="9" grpId="0" animBg="1"/>
      <p:bldP spid="11" grpId="0" animBg="1"/>
      <p:bldP spid="12" grpId="0"/>
      <p:bldP spid="10" grpId="0" animBg="1"/>
      <p:bldP spid="13" grpId="0"/>
      <p:bldP spid="14" grpId="0"/>
      <p:bldP spid="15" grpId="0"/>
      <p:bldP spid="16" grpId="0"/>
      <p:bldP spid="17" grpId="0"/>
      <p:bldP spid="18" grpId="0"/>
      <p:bldP spid="19" grpId="0"/>
      <p:bldP spid="20" grpId="0"/>
      <p:bldP spid="22" grpId="0"/>
    </p:bld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8870D33E-8349-B480-0FAC-2FF1499FAF15}"/>
              </a:ext>
            </a:extLst>
          </p:cNvPr>
          <p:cNvSpPr txBox="1"/>
          <p:nvPr/>
        </p:nvSpPr>
        <p:spPr bwMode="gray">
          <a:xfrm>
            <a:off x="584202" y="228966"/>
            <a:ext cx="4352192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ML Field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B5F832A-C2FC-0090-F59B-57C2213E5AFF}"/>
              </a:ext>
            </a:extLst>
          </p:cNvPr>
          <p:cNvSpPr txBox="1"/>
          <p:nvPr/>
        </p:nvSpPr>
        <p:spPr bwMode="gray">
          <a:xfrm>
            <a:off x="899887" y="1016455"/>
            <a:ext cx="11161484" cy="123008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457200" indent="-457200" algn="l"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en-US" sz="2600" b="1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Using Numerical Data – </a:t>
            </a:r>
            <a:r>
              <a:rPr lang="en-US" sz="2600" dirty="0">
                <a:latin typeface="Bahnschrift SemiCondensed" panose="020B0502040204020203" pitchFamily="34" charset="0"/>
              </a:rPr>
              <a:t>Sup, un-sup, Semi Sup, RL with data</a:t>
            </a:r>
          </a:p>
          <a:p>
            <a:pPr algn="l">
              <a:spcBef>
                <a:spcPts val="600"/>
              </a:spcBef>
            </a:pPr>
            <a:r>
              <a:rPr lang="en-US" sz="26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	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Ex.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  <a:cs typeface="Assistant" panose="020B0604020202020204" pitchFamily="2" charset="-79"/>
                <a:sym typeface="Symbol" panose="05050102010706020507" pitchFamily="18" charset="2"/>
              </a:rPr>
              <a:t>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  Most Industrial Applications, driverless cars, health monitoring apps 	(</a:t>
            </a:r>
            <a:r>
              <a:rPr lang="en-US" sz="2600" dirty="0" err="1">
                <a:solidFill>
                  <a:srgbClr val="7030A0"/>
                </a:solidFill>
                <a:latin typeface="Bahnschrift SemiCondensed" panose="020B0502040204020203" pitchFamily="34" charset="0"/>
              </a:rPr>
              <a:t>iwatch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, tracking devices), Forecasts (weather, Disease breakout like COVID) 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E8F83B-86DD-1739-EC8A-BEA9B0F81165}"/>
              </a:ext>
            </a:extLst>
          </p:cNvPr>
          <p:cNvSpPr txBox="1"/>
          <p:nvPr/>
        </p:nvSpPr>
        <p:spPr bwMode="gray">
          <a:xfrm>
            <a:off x="899887" y="2321852"/>
            <a:ext cx="9593942" cy="13715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457200" indent="-457200" algn="l"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en-US" sz="2600" b="1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Image based </a:t>
            </a:r>
            <a:r>
              <a:rPr lang="en-US" sz="2600" dirty="0">
                <a:latin typeface="Bahnschrift SemiCondensed" panose="020B0502040204020203" pitchFamily="34" charset="0"/>
              </a:rPr>
              <a:t>– Computer Vision, Image Processing, video processing</a:t>
            </a:r>
          </a:p>
          <a:p>
            <a:pPr>
              <a:spcBef>
                <a:spcPts val="600"/>
              </a:spcBef>
            </a:pPr>
            <a:r>
              <a:rPr lang="en-US" sz="2600" dirty="0">
                <a:latin typeface="Bahnschrift SemiCondensed" panose="020B0502040204020203" pitchFamily="34" charset="0"/>
              </a:rPr>
              <a:t>	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Ex. 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  <a:cs typeface="Assistant" panose="020B0604020202020204" pitchFamily="2" charset="-79"/>
                <a:sym typeface="Symbol" panose="05050102010706020507" pitchFamily="18" charset="2"/>
              </a:rPr>
              <a:t>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 Camera App, Face recognition, Traffic monitoring, AI Art, 	</a:t>
            </a:r>
            <a:r>
              <a:rPr lang="en-US" sz="2600">
                <a:solidFill>
                  <a:srgbClr val="7030A0"/>
                </a:solidFill>
                <a:latin typeface="Bahnschrift SemiCondensed" panose="020B0502040204020203" pitchFamily="34" charset="0"/>
              </a:rPr>
              <a:t>Robot navigation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, driverless cars 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BB10352-B8A5-3658-92EF-CCAED0C66340}"/>
              </a:ext>
            </a:extLst>
          </p:cNvPr>
          <p:cNvSpPr txBox="1"/>
          <p:nvPr/>
        </p:nvSpPr>
        <p:spPr bwMode="gray">
          <a:xfrm>
            <a:off x="899887" y="3693451"/>
            <a:ext cx="10013042" cy="112892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457200" indent="-457200" algn="l"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en-US" sz="2600" b="1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Text and Speech Based </a:t>
            </a:r>
            <a:r>
              <a:rPr lang="en-US" sz="2600" dirty="0">
                <a:latin typeface="Bahnschrift SemiCondensed" panose="020B0502040204020203" pitchFamily="34" charset="0"/>
              </a:rPr>
              <a:t>– NLP (Natural Language Processing)</a:t>
            </a:r>
          </a:p>
          <a:p>
            <a:pPr>
              <a:spcBef>
                <a:spcPts val="600"/>
              </a:spcBef>
            </a:pP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	Ex. 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  <a:cs typeface="Assistant" panose="020B0604020202020204" pitchFamily="2" charset="-79"/>
                <a:sym typeface="Symbol" panose="05050102010706020507" pitchFamily="18" charset="2"/>
              </a:rPr>
              <a:t>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 Google Search, Translate, </a:t>
            </a:r>
            <a:r>
              <a:rPr lang="en-US" sz="2600" dirty="0" err="1">
                <a:solidFill>
                  <a:srgbClr val="7030A0"/>
                </a:solidFill>
                <a:latin typeface="Bahnschrift SemiCondensed" panose="020B0502040204020203" pitchFamily="34" charset="0"/>
              </a:rPr>
              <a:t>ChatGPT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, Google bard, Alexa, Siri 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AD20841-BB15-45C1-7F31-3F52A0A2B44A}"/>
              </a:ext>
            </a:extLst>
          </p:cNvPr>
          <p:cNvSpPr txBox="1"/>
          <p:nvPr/>
        </p:nvSpPr>
        <p:spPr bwMode="gray">
          <a:xfrm>
            <a:off x="573316" y="4676410"/>
            <a:ext cx="11188976" cy="183932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600" dirty="0">
                <a:latin typeface="Bahnschrift SemiCondensed" panose="020B0502040204020203" pitchFamily="34" charset="0"/>
              </a:rPr>
              <a:t>Other fields where ML is extensively used – </a:t>
            </a:r>
          </a:p>
          <a:p>
            <a:pPr marL="457200" indent="-45720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2600" dirty="0">
                <a:latin typeface="Bahnschrift SemiCondensed" panose="020B0502040204020203" pitchFamily="34" charset="0"/>
              </a:rPr>
              <a:t>Medical 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  <a:cs typeface="Assistant" panose="020B0604020202020204" pitchFamily="2" charset="-79"/>
                <a:sym typeface="Symbol" panose="05050102010706020507" pitchFamily="18" charset="2"/>
              </a:rPr>
              <a:t></a:t>
            </a:r>
            <a:r>
              <a:rPr lang="en-US" sz="2600" dirty="0">
                <a:latin typeface="Bahnschrift SemiCondensed" panose="020B0502040204020203" pitchFamily="34" charset="0"/>
              </a:rPr>
              <a:t> Ex. Tumor diagnosis, Cancer prediction, heartbeat monitoring etc.</a:t>
            </a:r>
          </a:p>
          <a:p>
            <a:pPr marL="457200" indent="-45720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2600" dirty="0">
                <a:latin typeface="Bahnschrift SemiCondensed" panose="020B0502040204020203" pitchFamily="34" charset="0"/>
              </a:rPr>
              <a:t>Finance 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  <a:cs typeface="Assistant" panose="020B0604020202020204" pitchFamily="2" charset="-79"/>
                <a:sym typeface="Symbol" panose="05050102010706020507" pitchFamily="18" charset="2"/>
              </a:rPr>
              <a:t></a:t>
            </a:r>
            <a:r>
              <a:rPr lang="en-US" sz="2600" dirty="0">
                <a:latin typeface="Bahnschrift SemiCondensed" panose="020B0502040204020203" pitchFamily="34" charset="0"/>
              </a:rPr>
              <a:t> Ex. Stock prediction, fraud credit/transaction detection, </a:t>
            </a:r>
          </a:p>
          <a:p>
            <a:pPr marL="457200" indent="-45720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2600" dirty="0">
                <a:latin typeface="Bahnschrift SemiCondensed" panose="020B0502040204020203" pitchFamily="34" charset="0"/>
              </a:rPr>
              <a:t>Industry </a:t>
            </a: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  <a:cs typeface="Assistant" panose="020B0604020202020204" pitchFamily="2" charset="-79"/>
                <a:sym typeface="Symbol" panose="05050102010706020507" pitchFamily="18" charset="2"/>
              </a:rPr>
              <a:t> </a:t>
            </a:r>
            <a:r>
              <a:rPr lang="en-US" sz="2600" dirty="0">
                <a:latin typeface="Bahnschrift SemiCondensed" panose="020B0502040204020203" pitchFamily="34" charset="0"/>
              </a:rPr>
              <a:t>Ex. Sales prediction, Inventory monitoring, spares, purchase strategies</a:t>
            </a:r>
          </a:p>
          <a:p>
            <a:pPr marL="457200" indent="-457200" algn="l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en-US" sz="2600" dirty="0">
              <a:solidFill>
                <a:srgbClr val="0070C0"/>
              </a:solidFill>
              <a:latin typeface="Bahnschrift SemiCondensed" panose="020B0502040204020203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95568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25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25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25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25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25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25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25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25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/>
      <p:bldP spid="4" grpId="0"/>
      <p:bldP spid="5" grpId="0"/>
      <p:bldP spid="6" grpId="0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8870D33E-8349-B480-0FAC-2FF1499FAF15}"/>
              </a:ext>
            </a:extLst>
          </p:cNvPr>
          <p:cNvSpPr txBox="1"/>
          <p:nvPr/>
        </p:nvSpPr>
        <p:spPr bwMode="gray">
          <a:xfrm>
            <a:off x="584201" y="228966"/>
            <a:ext cx="8128975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Model Evaluation </a:t>
            </a: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– </a:t>
            </a:r>
            <a:r>
              <a:rPr lang="en-US" sz="28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Metrics</a:t>
            </a:r>
            <a:r>
              <a:rPr lang="en-US" sz="2800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 for Regression </a:t>
            </a:r>
            <a:endParaRPr lang="en-US" sz="3600" dirty="0">
              <a:solidFill>
                <a:schemeClr val="tx2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graphicFrame>
        <p:nvGraphicFramePr>
          <p:cNvPr id="4" name="Table 4">
            <a:extLst>
              <a:ext uri="{FF2B5EF4-FFF2-40B4-BE49-F238E27FC236}">
                <a16:creationId xmlns:a16="http://schemas.microsoft.com/office/drawing/2014/main" id="{7CF042C4-67CA-1C6C-B8E6-8498E869F05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89068224"/>
              </p:ext>
            </p:extLst>
          </p:nvPr>
        </p:nvGraphicFramePr>
        <p:xfrm>
          <a:off x="157018" y="1025698"/>
          <a:ext cx="11757890" cy="5746404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2409185">
                  <a:extLst>
                    <a:ext uri="{9D8B030D-6E8A-4147-A177-3AD203B41FA5}">
                      <a16:colId xmlns:a16="http://schemas.microsoft.com/office/drawing/2014/main" val="3079392383"/>
                    </a:ext>
                  </a:extLst>
                </a:gridCol>
                <a:gridCol w="3330707">
                  <a:extLst>
                    <a:ext uri="{9D8B030D-6E8A-4147-A177-3AD203B41FA5}">
                      <a16:colId xmlns:a16="http://schemas.microsoft.com/office/drawing/2014/main" val="1839458370"/>
                    </a:ext>
                  </a:extLst>
                </a:gridCol>
                <a:gridCol w="3163963">
                  <a:extLst>
                    <a:ext uri="{9D8B030D-6E8A-4147-A177-3AD203B41FA5}">
                      <a16:colId xmlns:a16="http://schemas.microsoft.com/office/drawing/2014/main" val="113868543"/>
                    </a:ext>
                  </a:extLst>
                </a:gridCol>
                <a:gridCol w="2854035">
                  <a:extLst>
                    <a:ext uri="{9D8B030D-6E8A-4147-A177-3AD203B41FA5}">
                      <a16:colId xmlns:a16="http://schemas.microsoft.com/office/drawing/2014/main" val="2136389342"/>
                    </a:ext>
                  </a:extLst>
                </a:gridCol>
              </a:tblGrid>
              <a:tr h="442884">
                <a:tc>
                  <a:txBody>
                    <a:bodyPr/>
                    <a:lstStyle/>
                    <a:p>
                      <a:pPr algn="ctr"/>
                      <a:r>
                        <a:rPr lang="en-US" sz="2000" b="1" dirty="0">
                          <a:solidFill>
                            <a:srgbClr val="0070C0"/>
                          </a:solidFill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Metric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2000" b="1" dirty="0">
                          <a:solidFill>
                            <a:srgbClr val="0070C0"/>
                          </a:solidFill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Rel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2000" b="1" dirty="0">
                          <a:solidFill>
                            <a:srgbClr val="0070C0"/>
                          </a:solidFill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Pro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2000" b="1" dirty="0">
                          <a:solidFill>
                            <a:srgbClr val="0070C0"/>
                          </a:solidFill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Con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668330107"/>
                  </a:ext>
                </a:extLst>
              </a:tr>
              <a:tr h="869044">
                <a:tc>
                  <a:txBody>
                    <a:bodyPr/>
                    <a:lstStyle/>
                    <a:p>
                      <a:pPr marL="0" marR="0" lvl="0" indent="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b="1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Mean Absolute Error (MAE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endParaRPr lang="en-US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230188" indent="-230188" algn="l">
                        <a:buAutoNum type="arabicPeriod"/>
                      </a:pPr>
                      <a:r>
                        <a:rPr lang="en-US" sz="1600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Robust to outliers</a:t>
                      </a:r>
                    </a:p>
                    <a:p>
                      <a:pPr marL="230188" indent="-230188" algn="l">
                        <a:buAutoNum type="arabicPeriod"/>
                      </a:pPr>
                      <a:r>
                        <a:rPr lang="en-US" sz="1600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Same unit as output variable (not too much weight on outliers)</a:t>
                      </a:r>
                    </a:p>
                    <a:p>
                      <a:pPr marL="342900" indent="-342900" algn="l">
                        <a:buAutoNum type="arabicPeriod"/>
                      </a:pPr>
                      <a:endParaRPr lang="en-US" sz="1600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230188" indent="-230188" algn="l">
                        <a:buAutoNum type="arabicPeriod"/>
                      </a:pPr>
                      <a:r>
                        <a:rPr lang="en-US" sz="1600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Not differentiable</a:t>
                      </a:r>
                    </a:p>
                    <a:p>
                      <a:pPr marL="230188" indent="-230188" algn="l">
                        <a:buAutoNum type="arabicPeriod"/>
                      </a:pPr>
                      <a:r>
                        <a:rPr lang="en-US" sz="1600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Doesn’t tell Direction information</a:t>
                      </a:r>
                    </a:p>
                    <a:p>
                      <a:pPr marL="342900" indent="-342900" algn="l">
                        <a:buAutoNum type="arabicPeriod"/>
                      </a:pPr>
                      <a:endParaRPr lang="en-US" sz="1600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863430631"/>
                  </a:ext>
                </a:extLst>
              </a:tr>
              <a:tr h="800867">
                <a:tc>
                  <a:txBody>
                    <a:bodyPr/>
                    <a:lstStyle/>
                    <a:p>
                      <a:pPr algn="l"/>
                      <a:r>
                        <a:rPr lang="en-US" sz="1800" b="1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Mean Squared Error (MSE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endParaRPr lang="en-US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342900" indent="-342900" algn="l">
                        <a:buAutoNum type="arabicPeriod"/>
                      </a:pPr>
                      <a:r>
                        <a:rPr lang="en-US" sz="1600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Used as Loss Function 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600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RMSE gives a relatively high weight to large errors</a:t>
                      </a:r>
                    </a:p>
                    <a:p>
                      <a:pPr marL="0" indent="0" algn="l">
                        <a:buNone/>
                      </a:pPr>
                      <a:endParaRPr lang="en-US" sz="1600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342900" indent="-342900" algn="l">
                        <a:buAutoNum type="arabicPeriod"/>
                      </a:pPr>
                      <a:r>
                        <a:rPr lang="en-US" sz="1600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Not robust to outliers (Higher MSE Values)</a:t>
                      </a:r>
                    </a:p>
                    <a:p>
                      <a:pPr marL="342900" indent="-342900" algn="l">
                        <a:buAutoNum type="arabicPeriod"/>
                      </a:pPr>
                      <a:endParaRPr lang="en-US" sz="1600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  <a:p>
                      <a:pPr marL="342900" indent="-342900" algn="l">
                        <a:buAutoNum type="arabicPeriod"/>
                      </a:pPr>
                      <a:endParaRPr lang="en-US" sz="1600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542771631"/>
                  </a:ext>
                </a:extLst>
              </a:tr>
              <a:tr h="859943">
                <a:tc>
                  <a:txBody>
                    <a:bodyPr/>
                    <a:lstStyle/>
                    <a:p>
                      <a:pPr marL="0" marR="0" lvl="0" indent="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b="1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Root Mean Squared Error (MSE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endParaRPr lang="en-US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342900" marR="0" lvl="0" indent="-34290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AutoNum type="arabicPeriod"/>
                        <a:tabLst/>
                        <a:defRPr/>
                      </a:pPr>
                      <a:r>
                        <a:rPr lang="en-US" sz="1600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Same unit as output variable</a:t>
                      </a:r>
                    </a:p>
                    <a:p>
                      <a:pPr marL="342900" marR="0" lvl="0" indent="-34290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AutoNum type="arabicPeriod"/>
                        <a:tabLst/>
                        <a:defRPr/>
                      </a:pPr>
                      <a:r>
                        <a:rPr lang="en-US" sz="1600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Lower values of MSE indicate better fit.</a:t>
                      </a:r>
                    </a:p>
                    <a:p>
                      <a:pPr marL="342900" marR="0" lvl="0" indent="-34290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AutoNum type="arabicPeriod"/>
                        <a:tabLst/>
                        <a:defRPr/>
                      </a:pPr>
                      <a:r>
                        <a:rPr lang="en-US" sz="1600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RMSE gives a relatively high weight to large error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342900" marR="0" lvl="0" indent="-34290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AutoNum type="arabicPeriod"/>
                        <a:tabLst/>
                        <a:defRPr/>
                      </a:pPr>
                      <a:r>
                        <a:rPr lang="en-US" sz="1600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Not robust to outliers (Higher MSE Values)</a:t>
                      </a:r>
                    </a:p>
                    <a:p>
                      <a:pPr marL="342900" marR="0" lvl="0" indent="-34290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AutoNum type="arabicPeriod"/>
                        <a:tabLst/>
                        <a:defRPr/>
                      </a:pPr>
                      <a:endParaRPr lang="en-US" sz="1600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  <a:p>
                      <a:pPr marL="342900" marR="0" lvl="0" indent="-34290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AutoNum type="arabicPeriod"/>
                        <a:tabLst/>
                        <a:defRPr/>
                      </a:pPr>
                      <a:endParaRPr lang="en-US" sz="1600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  <a:p>
                      <a:pPr algn="l"/>
                      <a:endParaRPr lang="en-US" sz="1600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184259527"/>
                  </a:ext>
                </a:extLst>
              </a:tr>
              <a:tr h="706083">
                <a:tc>
                  <a:txBody>
                    <a:bodyPr/>
                    <a:lstStyle/>
                    <a:p>
                      <a:pPr algn="l"/>
                      <a:r>
                        <a:rPr lang="en-US" sz="1800" b="1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Root Mean Squared </a:t>
                      </a:r>
                      <a:r>
                        <a:rPr lang="en-US" sz="1800" b="1" dirty="0" err="1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Logaritmic</a:t>
                      </a:r>
                      <a:r>
                        <a:rPr lang="en-US" sz="1800" b="1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 Error (RMSLE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endParaRPr lang="en-US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endParaRPr lang="en-US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endParaRPr lang="en-US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150541059"/>
                  </a:ext>
                </a:extLst>
              </a:tr>
              <a:tr h="869142">
                <a:tc>
                  <a:txBody>
                    <a:bodyPr/>
                    <a:lstStyle/>
                    <a:p>
                      <a:pPr algn="l"/>
                      <a:r>
                        <a:rPr lang="en-US" sz="1800" b="1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R2 Scor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endParaRPr lang="en-US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dirty="0">
                          <a:latin typeface="72 Condensed" panose="020B0506030000000003" pitchFamily="34" charset="0"/>
                          <a:cs typeface="72 Condensed" panose="020B0506030000000003" pitchFamily="34" charset="0"/>
                        </a:rPr>
                        <a:t>A higher R-squared value generally indicates a better fit, although other factors, such as the complexity of the model and the risk of overfitting, should also be considered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endParaRPr lang="en-US" dirty="0">
                        <a:latin typeface="72 Condensed" panose="020B0506030000000003" pitchFamily="34" charset="0"/>
                        <a:cs typeface="72 Condensed" panose="020B0506030000000003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192008722"/>
                  </a:ext>
                </a:extLst>
              </a:tr>
            </a:tbl>
          </a:graphicData>
        </a:graphic>
      </p:graphicFrame>
      <p:pic>
        <p:nvPicPr>
          <p:cNvPr id="9" name="Picture 8">
            <a:extLst>
              <a:ext uri="{FF2B5EF4-FFF2-40B4-BE49-F238E27FC236}">
                <a16:creationId xmlns:a16="http://schemas.microsoft.com/office/drawing/2014/main" id="{E2010139-8D4F-7022-9554-DAAAC3E072E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62981" y="1491842"/>
            <a:ext cx="2731512" cy="89924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3B86825F-0358-3453-01B6-1A614337BD3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62981" y="2587688"/>
            <a:ext cx="2637270" cy="943761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89E37433-0E29-A8DA-5C5D-D8EBF1C8B7D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729056" y="3768755"/>
            <a:ext cx="2905119" cy="9371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What's the Difference Between RMSE and RMSLE? | by Sharoon Saxena |  Analytics Vidhya | Medium">
            <a:extLst>
              <a:ext uri="{FF2B5EF4-FFF2-40B4-BE49-F238E27FC236}">
                <a16:creationId xmlns:a16="http://schemas.microsoft.com/office/drawing/2014/main" id="{948C6C11-E7DF-218A-8E78-2E6DFC591F5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8754"/>
          <a:stretch/>
        </p:blipFill>
        <p:spPr bwMode="auto">
          <a:xfrm>
            <a:off x="2670903" y="4943255"/>
            <a:ext cx="3138770" cy="69549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D067F60D-2450-69D3-F022-7E816FDAB41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19596" y="5857989"/>
            <a:ext cx="2240108" cy="674942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5B46A1F7-31DB-C965-4B01-40D8D70CA239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107055" y="5994957"/>
            <a:ext cx="2731734" cy="5038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0951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9639E30-5999-6A01-2D92-0C020FBCE97A}"/>
              </a:ext>
            </a:extLst>
          </p:cNvPr>
          <p:cNvSpPr txBox="1"/>
          <p:nvPr/>
        </p:nvSpPr>
        <p:spPr bwMode="gray">
          <a:xfrm>
            <a:off x="515258" y="1066386"/>
            <a:ext cx="11161484" cy="123008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457200" indent="-457200" algn="l">
              <a:spcBef>
                <a:spcPts val="600"/>
              </a:spcBef>
              <a:buFont typeface="Wingdings" panose="05000000000000000000" pitchFamily="2" charset="2"/>
              <a:buChar char="ü"/>
            </a:pPr>
            <a:r>
              <a:rPr lang="en-US" sz="2600" dirty="0">
                <a:solidFill>
                  <a:srgbClr val="7030A0"/>
                </a:solidFill>
                <a:latin typeface="Bahnschrift SemiCondensed" panose="020B0502040204020203" pitchFamily="34" charset="0"/>
              </a:rPr>
              <a:t>For Classification: 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640FF96-2677-D7E3-6EEB-7ED3E92AE4CA}"/>
              </a:ext>
            </a:extLst>
          </p:cNvPr>
          <p:cNvSpPr txBox="1"/>
          <p:nvPr/>
        </p:nvSpPr>
        <p:spPr bwMode="gray">
          <a:xfrm>
            <a:off x="584201" y="228966"/>
            <a:ext cx="8128975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Model Evaluation </a:t>
            </a: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– </a:t>
            </a:r>
            <a:r>
              <a:rPr lang="en-US" sz="28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Metrics</a:t>
            </a:r>
            <a:r>
              <a:rPr lang="en-US" sz="2800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 for Classification</a:t>
            </a:r>
            <a:endParaRPr lang="en-US" sz="3600" dirty="0">
              <a:solidFill>
                <a:schemeClr val="tx2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822576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25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25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476A973-B212-FFCF-CED0-ED4EADE67BE0}"/>
              </a:ext>
            </a:extLst>
          </p:cNvPr>
          <p:cNvSpPr txBox="1"/>
          <p:nvPr/>
        </p:nvSpPr>
        <p:spPr bwMode="gray">
          <a:xfrm>
            <a:off x="584201" y="210678"/>
            <a:ext cx="8806687" cy="13350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ML Model Selection and Model Tuning </a:t>
            </a:r>
          </a:p>
        </p:txBody>
      </p:sp>
    </p:spTree>
    <p:extLst>
      <p:ext uri="{BB962C8B-B14F-4D97-AF65-F5344CB8AC3E}">
        <p14:creationId xmlns:p14="http://schemas.microsoft.com/office/powerpoint/2010/main" val="35664471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476A973-B212-FFCF-CED0-ED4EADE67BE0}"/>
              </a:ext>
            </a:extLst>
          </p:cNvPr>
          <p:cNvSpPr txBox="1"/>
          <p:nvPr/>
        </p:nvSpPr>
        <p:spPr bwMode="gray">
          <a:xfrm>
            <a:off x="584201" y="210678"/>
            <a:ext cx="10114279" cy="13350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Forest Algorithms – Decision Trees, Random Forests</a:t>
            </a:r>
          </a:p>
        </p:txBody>
      </p:sp>
    </p:spTree>
    <p:extLst>
      <p:ext uri="{BB962C8B-B14F-4D97-AF65-F5344CB8AC3E}">
        <p14:creationId xmlns:p14="http://schemas.microsoft.com/office/powerpoint/2010/main" val="29800055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476A973-B212-FFCF-CED0-ED4EADE67BE0}"/>
              </a:ext>
            </a:extLst>
          </p:cNvPr>
          <p:cNvSpPr txBox="1"/>
          <p:nvPr/>
        </p:nvSpPr>
        <p:spPr bwMode="gray">
          <a:xfrm>
            <a:off x="584201" y="210678"/>
            <a:ext cx="10114279" cy="13350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K-Nearest </a:t>
            </a:r>
            <a:r>
              <a:rPr lang="en-US" sz="3600" b="1" dirty="0" err="1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Neighbours</a:t>
            </a:r>
            <a:endParaRPr lang="en-US" sz="3600" b="1" dirty="0">
              <a:solidFill>
                <a:schemeClr val="tx2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329292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476A973-B212-FFCF-CED0-ED4EADE67BE0}"/>
              </a:ext>
            </a:extLst>
          </p:cNvPr>
          <p:cNvSpPr txBox="1"/>
          <p:nvPr/>
        </p:nvSpPr>
        <p:spPr bwMode="gray">
          <a:xfrm>
            <a:off x="584201" y="210678"/>
            <a:ext cx="10114279" cy="13350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K-Means Clustering</a:t>
            </a:r>
          </a:p>
        </p:txBody>
      </p:sp>
    </p:spTree>
    <p:extLst>
      <p:ext uri="{BB962C8B-B14F-4D97-AF65-F5344CB8AC3E}">
        <p14:creationId xmlns:p14="http://schemas.microsoft.com/office/powerpoint/2010/main" val="39053414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476A973-B212-FFCF-CED0-ED4EADE67BE0}"/>
              </a:ext>
            </a:extLst>
          </p:cNvPr>
          <p:cNvSpPr txBox="1"/>
          <p:nvPr/>
        </p:nvSpPr>
        <p:spPr bwMode="gray">
          <a:xfrm>
            <a:off x="584201" y="210678"/>
            <a:ext cx="4466769" cy="133509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Why ML? </a:t>
            </a:r>
          </a:p>
        </p:txBody>
      </p:sp>
    </p:spTree>
    <p:extLst>
      <p:ext uri="{BB962C8B-B14F-4D97-AF65-F5344CB8AC3E}">
        <p14:creationId xmlns:p14="http://schemas.microsoft.com/office/powerpoint/2010/main" val="33590071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369692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8425D0C2-2CA1-EDFF-EFA9-CA4FC2CC9D8A}"/>
              </a:ext>
            </a:extLst>
          </p:cNvPr>
          <p:cNvSpPr txBox="1"/>
          <p:nvPr/>
        </p:nvSpPr>
        <p:spPr bwMode="gray">
          <a:xfrm>
            <a:off x="584202" y="228966"/>
            <a:ext cx="4352192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Data Science Process</a:t>
            </a:r>
          </a:p>
        </p:txBody>
      </p:sp>
      <p:graphicFrame>
        <p:nvGraphicFramePr>
          <p:cNvPr id="3" name="Diagram 2">
            <a:extLst>
              <a:ext uri="{FF2B5EF4-FFF2-40B4-BE49-F238E27FC236}">
                <a16:creationId xmlns:a16="http://schemas.microsoft.com/office/drawing/2014/main" id="{535DDA97-5C45-05FD-4B59-9A61B571AE56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959345993"/>
              </p:ext>
            </p:extLst>
          </p:nvPr>
        </p:nvGraphicFramePr>
        <p:xfrm>
          <a:off x="1758176" y="965844"/>
          <a:ext cx="8128000" cy="541866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4" name="Oval 3">
            <a:extLst>
              <a:ext uri="{FF2B5EF4-FFF2-40B4-BE49-F238E27FC236}">
                <a16:creationId xmlns:a16="http://schemas.microsoft.com/office/drawing/2014/main" id="{C599B17B-14A8-EE84-061D-B102D25D6690}"/>
              </a:ext>
            </a:extLst>
          </p:cNvPr>
          <p:cNvSpPr/>
          <p:nvPr/>
        </p:nvSpPr>
        <p:spPr bwMode="gray">
          <a:xfrm>
            <a:off x="6751655" y="622049"/>
            <a:ext cx="483577" cy="521839"/>
          </a:xfrm>
          <a:prstGeom prst="ellipse">
            <a:avLst/>
          </a:prstGeom>
          <a:solidFill>
            <a:schemeClr val="bg1">
              <a:lumMod val="7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2400" b="1" dirty="0">
                <a:solidFill>
                  <a:schemeClr val="tx1"/>
                </a:solidFill>
              </a:rPr>
              <a:t>1</a:t>
            </a: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27B47CB7-9A46-C273-1230-ECAF8CFAAC1F}"/>
              </a:ext>
            </a:extLst>
          </p:cNvPr>
          <p:cNvSpPr/>
          <p:nvPr/>
        </p:nvSpPr>
        <p:spPr bwMode="gray">
          <a:xfrm>
            <a:off x="8635717" y="2233972"/>
            <a:ext cx="483577" cy="521839"/>
          </a:xfrm>
          <a:prstGeom prst="ellipse">
            <a:avLst/>
          </a:prstGeom>
          <a:solidFill>
            <a:schemeClr val="bg1">
              <a:lumMod val="7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2400" b="1" dirty="0">
                <a:solidFill>
                  <a:schemeClr val="tx1"/>
                </a:solidFill>
              </a:rPr>
              <a:t>2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6F41D5A1-4750-0215-4235-E3C2CCF1E01F}"/>
              </a:ext>
            </a:extLst>
          </p:cNvPr>
          <p:cNvSpPr/>
          <p:nvPr/>
        </p:nvSpPr>
        <p:spPr bwMode="gray">
          <a:xfrm>
            <a:off x="8393925" y="4247880"/>
            <a:ext cx="483577" cy="521839"/>
          </a:xfrm>
          <a:prstGeom prst="ellipse">
            <a:avLst/>
          </a:prstGeom>
          <a:solidFill>
            <a:schemeClr val="bg1">
              <a:lumMod val="7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2400" b="1" dirty="0">
                <a:solidFill>
                  <a:schemeClr val="tx1"/>
                </a:solidFill>
              </a:rPr>
              <a:t>3</a:t>
            </a: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B21038AD-27B0-E4FE-710A-1009F52C60D1}"/>
              </a:ext>
            </a:extLst>
          </p:cNvPr>
          <p:cNvSpPr/>
          <p:nvPr/>
        </p:nvSpPr>
        <p:spPr bwMode="gray">
          <a:xfrm>
            <a:off x="2419555" y="4219729"/>
            <a:ext cx="483577" cy="521839"/>
          </a:xfrm>
          <a:prstGeom prst="ellipse">
            <a:avLst/>
          </a:prstGeom>
          <a:solidFill>
            <a:schemeClr val="bg1">
              <a:lumMod val="7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2400" b="1" dirty="0">
                <a:solidFill>
                  <a:schemeClr val="tx1"/>
                </a:solidFill>
              </a:rPr>
              <a:t>4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AB263624-FD3C-EE0E-31E2-1A5D45AB2FAA}"/>
              </a:ext>
            </a:extLst>
          </p:cNvPr>
          <p:cNvSpPr/>
          <p:nvPr/>
        </p:nvSpPr>
        <p:spPr bwMode="gray">
          <a:xfrm>
            <a:off x="2560231" y="2248991"/>
            <a:ext cx="483577" cy="521839"/>
          </a:xfrm>
          <a:prstGeom prst="ellipse">
            <a:avLst/>
          </a:prstGeom>
          <a:solidFill>
            <a:schemeClr val="bg1">
              <a:lumMod val="7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2400" b="1" dirty="0">
                <a:solidFill>
                  <a:schemeClr val="tx1"/>
                </a:solidFill>
              </a:rPr>
              <a:t>5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60DFBAE-657D-846B-DFC3-7C30B2A008ED}"/>
              </a:ext>
            </a:extLst>
          </p:cNvPr>
          <p:cNvSpPr txBox="1"/>
          <p:nvPr/>
        </p:nvSpPr>
        <p:spPr bwMode="gray">
          <a:xfrm>
            <a:off x="7349039" y="270603"/>
            <a:ext cx="3862609" cy="156426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1600"/>
              </a:lnSpc>
              <a:spcAft>
                <a:spcPts val="1200"/>
              </a:spcAft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Who: Executives, Project Managers, Tech Leads etc.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(Understanding product portfolio and creating/ Introducing Data-driven digital solutions 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A8BA737-48AB-F525-6522-F842BE39ABB7}"/>
              </a:ext>
            </a:extLst>
          </p:cNvPr>
          <p:cNvSpPr txBox="1"/>
          <p:nvPr/>
        </p:nvSpPr>
        <p:spPr bwMode="gray">
          <a:xfrm>
            <a:off x="9260320" y="2570749"/>
            <a:ext cx="2659535" cy="1583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ts val="1600"/>
              </a:lnSpc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Who: Experts, operators etc.</a:t>
            </a:r>
          </a:p>
          <a:p>
            <a:pPr algn="l">
              <a:lnSpc>
                <a:spcPts val="1600"/>
              </a:lnSpc>
            </a:pPr>
            <a:endParaRPr lang="en-US" dirty="0">
              <a:solidFill>
                <a:srgbClr val="0070C0"/>
              </a:solidFill>
              <a:latin typeface="Bahnschrift SemiCondensed" panose="020B0502040204020203" pitchFamily="34" charset="0"/>
              <a:cs typeface="72 Condensed" panose="020B0506030000000003" pitchFamily="34" charset="0"/>
            </a:endParaRP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From Sensors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Historical database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Manual entry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ETL (Extract Transform Load)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DEB1289-8012-C88E-2290-B68362CDD4CC}"/>
              </a:ext>
            </a:extLst>
          </p:cNvPr>
          <p:cNvSpPr txBox="1"/>
          <p:nvPr/>
        </p:nvSpPr>
        <p:spPr bwMode="gray">
          <a:xfrm>
            <a:off x="8877502" y="4766360"/>
            <a:ext cx="2780390" cy="168392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ts val="1600"/>
              </a:lnSpc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Who: Data Scientist</a:t>
            </a:r>
          </a:p>
          <a:p>
            <a:pPr>
              <a:lnSpc>
                <a:spcPts val="1600"/>
              </a:lnSpc>
            </a:pPr>
            <a:endParaRPr lang="en-US" dirty="0">
              <a:solidFill>
                <a:srgbClr val="0070C0"/>
              </a:solidFill>
              <a:latin typeface="Bahnschrift SemiCondensed" panose="020B0502040204020203" pitchFamily="34" charset="0"/>
              <a:cs typeface="72 Condensed" panose="020B0506030000000003" pitchFamily="34" charset="0"/>
            </a:endParaRPr>
          </a:p>
          <a:p>
            <a:pPr>
              <a:lnSpc>
                <a:spcPts val="1600"/>
              </a:lnSpc>
              <a:spcAft>
                <a:spcPts val="600"/>
              </a:spcAft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(Unstructured to </a:t>
            </a:r>
            <a:r>
              <a:rPr lang="en-US" dirty="0" err="1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Strcutured</a:t>
            </a: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)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Formatting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Visualization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EDA, Cleaning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Data Preparation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1DBD8B8-C037-57A9-2C5C-3B9290B835EA}"/>
              </a:ext>
            </a:extLst>
          </p:cNvPr>
          <p:cNvSpPr txBox="1"/>
          <p:nvPr/>
        </p:nvSpPr>
        <p:spPr bwMode="gray">
          <a:xfrm>
            <a:off x="341781" y="4296924"/>
            <a:ext cx="2780390" cy="168392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ts val="1600"/>
              </a:lnSpc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Who: Data Scientist</a:t>
            </a:r>
          </a:p>
          <a:p>
            <a:pPr>
              <a:lnSpc>
                <a:spcPts val="1600"/>
              </a:lnSpc>
            </a:pPr>
            <a:endParaRPr lang="en-US" dirty="0">
              <a:solidFill>
                <a:srgbClr val="0070C0"/>
              </a:solidFill>
              <a:latin typeface="Bahnschrift SemiCondensed" panose="020B0502040204020203" pitchFamily="34" charset="0"/>
              <a:cs typeface="72 Condensed" panose="020B0506030000000003" pitchFamily="34" charset="0"/>
            </a:endParaRP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Building ML models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Training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Validating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Testing on new data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0A5C7B6-0681-20D3-EFDE-7B96CF1471BB}"/>
              </a:ext>
            </a:extLst>
          </p:cNvPr>
          <p:cNvSpPr txBox="1"/>
          <p:nvPr/>
        </p:nvSpPr>
        <p:spPr bwMode="gray">
          <a:xfrm>
            <a:off x="543059" y="2171815"/>
            <a:ext cx="2430234" cy="168392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ts val="1600"/>
              </a:lnSpc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Who: Data Scientist or  </a:t>
            </a:r>
          </a:p>
          <a:p>
            <a:pPr>
              <a:lnSpc>
                <a:spcPts val="1600"/>
              </a:lnSpc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         Cloud Engineer</a:t>
            </a:r>
          </a:p>
          <a:p>
            <a:pPr>
              <a:lnSpc>
                <a:spcPts val="1600"/>
              </a:lnSpc>
            </a:pPr>
            <a:endParaRPr lang="en-US" dirty="0">
              <a:solidFill>
                <a:srgbClr val="0070C0"/>
              </a:solidFill>
              <a:latin typeface="Bahnschrift SemiCondensed" panose="020B0502040204020203" pitchFamily="34" charset="0"/>
              <a:cs typeface="72 Condensed" panose="020B0506030000000003" pitchFamily="34" charset="0"/>
            </a:endParaRP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Reporting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Cloud or Edge Deployment</a:t>
            </a:r>
          </a:p>
          <a:p>
            <a:pPr marL="285750" indent="-285750" algn="l">
              <a:lnSpc>
                <a:spcPts val="1600"/>
              </a:lnSpc>
              <a:spcAft>
                <a:spcPts val="600"/>
              </a:spcAft>
              <a:buFont typeface="Wingdings" panose="05000000000000000000" pitchFamily="2" charset="2"/>
              <a:buChar char="ü"/>
            </a:pPr>
            <a:r>
              <a:rPr lang="en-US" dirty="0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CI/CD, </a:t>
            </a:r>
            <a:r>
              <a:rPr lang="en-US" dirty="0" err="1">
                <a:solidFill>
                  <a:srgbClr val="0070C0"/>
                </a:solidFill>
                <a:latin typeface="Bahnschrift SemiCondensed" panose="020B0502040204020203" pitchFamily="34" charset="0"/>
                <a:cs typeface="72 Condensed" panose="020B0506030000000003" pitchFamily="34" charset="0"/>
              </a:rPr>
              <a:t>MLops</a:t>
            </a:r>
            <a:endParaRPr lang="en-US" dirty="0">
              <a:solidFill>
                <a:srgbClr val="0070C0"/>
              </a:solidFill>
              <a:latin typeface="Bahnschrift SemiCondensed" panose="020B0502040204020203" pitchFamily="34" charset="0"/>
              <a:cs typeface="72 Condensed" panose="020B0506030000000003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0930890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0" grpId="0"/>
      <p:bldP spid="11" grpId="0"/>
      <p:bldP spid="12" grpId="0"/>
      <p:bldP spid="13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Box 2">
            <a:extLst>
              <a:ext uri="{FF2B5EF4-FFF2-40B4-BE49-F238E27FC236}">
                <a16:creationId xmlns:a16="http://schemas.microsoft.com/office/drawing/2014/main" id="{A12CE893-27B0-0423-397A-46D5F57B7ADD}"/>
              </a:ext>
            </a:extLst>
          </p:cNvPr>
          <p:cNvSpPr txBox="1"/>
          <p:nvPr/>
        </p:nvSpPr>
        <p:spPr bwMode="gray">
          <a:xfrm>
            <a:off x="584202" y="228966"/>
            <a:ext cx="4352192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Step 1 :  </a:t>
            </a:r>
            <a:r>
              <a:rPr lang="en-US" sz="3200" b="1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Data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B1A315C-8E6F-09C4-F982-C857B839D00C}"/>
              </a:ext>
            </a:extLst>
          </p:cNvPr>
          <p:cNvSpPr txBox="1"/>
          <p:nvPr/>
        </p:nvSpPr>
        <p:spPr bwMode="gray">
          <a:xfrm>
            <a:off x="584202" y="1173740"/>
            <a:ext cx="7656284" cy="46893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6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Data (Raw data) from sources are messy (Unstructured) 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2176F4B2-36D2-5C74-16AB-4684431D3D4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32699471"/>
              </p:ext>
            </p:extLst>
          </p:nvPr>
        </p:nvGraphicFramePr>
        <p:xfrm>
          <a:off x="1912747" y="2128799"/>
          <a:ext cx="5606145" cy="2711680"/>
        </p:xfrm>
        <a:graphic>
          <a:graphicData uri="http://schemas.openxmlformats.org/drawingml/2006/table">
            <a:tbl>
              <a:tblPr>
                <a:tableStyleId>{284E427A-3D55-4303-BF80-6455036E1DE7}</a:tableStyleId>
              </a:tblPr>
              <a:tblGrid>
                <a:gridCol w="631371">
                  <a:extLst>
                    <a:ext uri="{9D8B030D-6E8A-4147-A177-3AD203B41FA5}">
                      <a16:colId xmlns:a16="http://schemas.microsoft.com/office/drawing/2014/main" val="4011643288"/>
                    </a:ext>
                  </a:extLst>
                </a:gridCol>
                <a:gridCol w="1251857">
                  <a:extLst>
                    <a:ext uri="{9D8B030D-6E8A-4147-A177-3AD203B41FA5}">
                      <a16:colId xmlns:a16="http://schemas.microsoft.com/office/drawing/2014/main" val="3708006538"/>
                    </a:ext>
                  </a:extLst>
                </a:gridCol>
                <a:gridCol w="1453763">
                  <a:extLst>
                    <a:ext uri="{9D8B030D-6E8A-4147-A177-3AD203B41FA5}">
                      <a16:colId xmlns:a16="http://schemas.microsoft.com/office/drawing/2014/main" val="3673917526"/>
                    </a:ext>
                  </a:extLst>
                </a:gridCol>
                <a:gridCol w="1134577">
                  <a:extLst>
                    <a:ext uri="{9D8B030D-6E8A-4147-A177-3AD203B41FA5}">
                      <a16:colId xmlns:a16="http://schemas.microsoft.com/office/drawing/2014/main" val="2315249898"/>
                    </a:ext>
                  </a:extLst>
                </a:gridCol>
                <a:gridCol w="1134577">
                  <a:extLst>
                    <a:ext uri="{9D8B030D-6E8A-4147-A177-3AD203B41FA5}">
                      <a16:colId xmlns:a16="http://schemas.microsoft.com/office/drawing/2014/main" val="3665881121"/>
                    </a:ext>
                  </a:extLst>
                </a:gridCol>
              </a:tblGrid>
              <a:tr h="338960">
                <a:tc>
                  <a:txBody>
                    <a:bodyPr/>
                    <a:lstStyle/>
                    <a:p>
                      <a:pPr algn="l" fontAlgn="b"/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sensor 1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sensor 2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sensor 3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sensor 2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99434615"/>
                  </a:ext>
                </a:extLst>
              </a:tr>
              <a:tr h="338960"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1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0.01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122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yes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842708163"/>
                  </a:ext>
                </a:extLst>
              </a:tr>
              <a:tr h="338960"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2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-0.24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164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no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523774839"/>
                  </a:ext>
                </a:extLst>
              </a:tr>
              <a:tr h="338960"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3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152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no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83379593"/>
                  </a:ext>
                </a:extLst>
              </a:tr>
              <a:tr h="338960"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4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0.02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12-Mar-92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yes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60550772"/>
                  </a:ext>
                </a:extLst>
              </a:tr>
              <a:tr h="338960"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5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0.11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yes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177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967811805"/>
                  </a:ext>
                </a:extLst>
              </a:tr>
              <a:tr h="338960"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6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0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12:16PM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189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09921303"/>
                  </a:ext>
                </a:extLst>
              </a:tr>
              <a:tr h="338960">
                <a:tc>
                  <a:txBody>
                    <a:bodyPr/>
                    <a:lstStyle/>
                    <a:p>
                      <a:pPr algn="ctr" fontAlgn="b"/>
                      <a:r>
                        <a:rPr lang="en-US" sz="2000" b="1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7</a:t>
                      </a:r>
                      <a:endParaRPr lang="en-US" sz="20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120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inf</a:t>
                      </a:r>
                      <a:endParaRPr lang="en-US" sz="20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2000" u="none" strike="noStrike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Arial" panose="020B0604020202020204" pitchFamily="34" charset="0"/>
                        </a:rPr>
                        <a:t>yes</a:t>
                      </a:r>
                      <a:endParaRPr lang="en-US" sz="20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US" sz="20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  <a:ea typeface="Verdana" panose="020B0604030504040204" pitchFamily="34" charset="0"/>
                        <a:cs typeface="Arial" panose="020B060402020202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916997"/>
                  </a:ext>
                </a:extLst>
              </a:tr>
            </a:tbl>
          </a:graphicData>
        </a:graphic>
      </p:graphicFrame>
      <p:sp>
        <p:nvSpPr>
          <p:cNvPr id="7" name="Oval 6">
            <a:extLst>
              <a:ext uri="{FF2B5EF4-FFF2-40B4-BE49-F238E27FC236}">
                <a16:creationId xmlns:a16="http://schemas.microsoft.com/office/drawing/2014/main" id="{7A52EC6B-DF5E-9C1D-91B9-EED6BF6B5F0E}"/>
              </a:ext>
            </a:extLst>
          </p:cNvPr>
          <p:cNvSpPr/>
          <p:nvPr/>
        </p:nvSpPr>
        <p:spPr bwMode="gray">
          <a:xfrm>
            <a:off x="2424375" y="3114800"/>
            <a:ext cx="1485623" cy="457200"/>
          </a:xfrm>
          <a:prstGeom prst="ellipse">
            <a:avLst/>
          </a:prstGeom>
          <a:noFill/>
          <a:ln w="41275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FCD7D2BD-E8BF-EA53-E73D-47EFFCD8AC7D}"/>
              </a:ext>
            </a:extLst>
          </p:cNvPr>
          <p:cNvSpPr/>
          <p:nvPr/>
        </p:nvSpPr>
        <p:spPr bwMode="gray">
          <a:xfrm>
            <a:off x="3828632" y="3843868"/>
            <a:ext cx="1566989" cy="714133"/>
          </a:xfrm>
          <a:prstGeom prst="ellipse">
            <a:avLst/>
          </a:prstGeom>
          <a:noFill/>
          <a:ln w="41275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AC86F51-0152-CA05-B2D5-940CA02378BF}"/>
              </a:ext>
            </a:extLst>
          </p:cNvPr>
          <p:cNvSpPr txBox="1"/>
          <p:nvPr/>
        </p:nvSpPr>
        <p:spPr bwMode="gray">
          <a:xfrm>
            <a:off x="7899885" y="2589479"/>
            <a:ext cx="4071261" cy="38094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latin typeface="Bahnschrift SemiCondensed" panose="020B0502040204020203" pitchFamily="34" charset="0"/>
              </a:rPr>
              <a:t>1. Missed Entries (sensor errors) </a:t>
            </a: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2300EF04-8CC5-CE1A-DD16-5EC2037E172C}"/>
              </a:ext>
            </a:extLst>
          </p:cNvPr>
          <p:cNvSpPr/>
          <p:nvPr/>
        </p:nvSpPr>
        <p:spPr bwMode="gray">
          <a:xfrm>
            <a:off x="3909997" y="3417533"/>
            <a:ext cx="1485623" cy="457200"/>
          </a:xfrm>
          <a:prstGeom prst="ellipse">
            <a:avLst/>
          </a:prstGeom>
          <a:noFill/>
          <a:ln w="41275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8389C525-0885-7EFF-8F76-C37B7C225B72}"/>
              </a:ext>
            </a:extLst>
          </p:cNvPr>
          <p:cNvSpPr/>
          <p:nvPr/>
        </p:nvSpPr>
        <p:spPr bwMode="gray">
          <a:xfrm>
            <a:off x="5217394" y="4072468"/>
            <a:ext cx="1310895" cy="437666"/>
          </a:xfrm>
          <a:prstGeom prst="ellipse">
            <a:avLst/>
          </a:prstGeom>
          <a:noFill/>
          <a:ln w="41275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0F318BB2-3800-B42D-B22E-6EE43B4B9DD5}"/>
              </a:ext>
            </a:extLst>
          </p:cNvPr>
          <p:cNvSpPr txBox="1"/>
          <p:nvPr/>
        </p:nvSpPr>
        <p:spPr bwMode="gray">
          <a:xfrm>
            <a:off x="7899885" y="3054919"/>
            <a:ext cx="4071261" cy="38094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latin typeface="Bahnschrift SemiCondensed" panose="020B0502040204020203" pitchFamily="34" charset="0"/>
              </a:rPr>
              <a:t>2. Incorrect Entries (wrong datatype) </a:t>
            </a: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9EC5CB1C-5BA2-C6AF-6F04-0D7ADDD1C23B}"/>
              </a:ext>
            </a:extLst>
          </p:cNvPr>
          <p:cNvSpPr/>
          <p:nvPr/>
        </p:nvSpPr>
        <p:spPr bwMode="gray">
          <a:xfrm>
            <a:off x="3037114" y="4452258"/>
            <a:ext cx="2438400" cy="437666"/>
          </a:xfrm>
          <a:prstGeom prst="ellipse">
            <a:avLst/>
          </a:prstGeom>
          <a:noFill/>
          <a:ln w="41275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11CF6D3-A239-5F7C-8FD6-AA009543A8D9}"/>
              </a:ext>
            </a:extLst>
          </p:cNvPr>
          <p:cNvSpPr txBox="1"/>
          <p:nvPr/>
        </p:nvSpPr>
        <p:spPr bwMode="gray">
          <a:xfrm>
            <a:off x="7917051" y="3881996"/>
            <a:ext cx="4071261" cy="38094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latin typeface="Bahnschrift SemiCondensed" panose="020B0502040204020203" pitchFamily="34" charset="0"/>
              </a:rPr>
              <a:t>3. Outliers/Anomalies </a:t>
            </a: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0CCE026E-CF10-AC6B-177B-574CD113B4A1}"/>
              </a:ext>
            </a:extLst>
          </p:cNvPr>
          <p:cNvSpPr/>
          <p:nvPr/>
        </p:nvSpPr>
        <p:spPr bwMode="gray">
          <a:xfrm>
            <a:off x="6316787" y="2079354"/>
            <a:ext cx="1310895" cy="437666"/>
          </a:xfrm>
          <a:prstGeom prst="ellipse">
            <a:avLst/>
          </a:prstGeom>
          <a:noFill/>
          <a:ln w="41275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A872A07D-7071-82ED-5920-BEAFA0888A97}"/>
              </a:ext>
            </a:extLst>
          </p:cNvPr>
          <p:cNvSpPr/>
          <p:nvPr/>
        </p:nvSpPr>
        <p:spPr bwMode="gray">
          <a:xfrm>
            <a:off x="3828632" y="2067420"/>
            <a:ext cx="1310895" cy="437666"/>
          </a:xfrm>
          <a:prstGeom prst="ellipse">
            <a:avLst/>
          </a:prstGeom>
          <a:noFill/>
          <a:ln w="41275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5FC502D-0D38-CEA7-513D-39E98053921B}"/>
              </a:ext>
            </a:extLst>
          </p:cNvPr>
          <p:cNvSpPr txBox="1"/>
          <p:nvPr/>
        </p:nvSpPr>
        <p:spPr bwMode="gray">
          <a:xfrm>
            <a:off x="7899884" y="4367529"/>
            <a:ext cx="4071261" cy="38094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latin typeface="Bahnschrift SemiCondensed" panose="020B0502040204020203" pitchFamily="34" charset="0"/>
              </a:rPr>
              <a:t>4. Repetitions (rows/columns) etc.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FF855490-B7E8-D51A-37A1-BEBCB8E8EE8D}"/>
              </a:ext>
            </a:extLst>
          </p:cNvPr>
          <p:cNvSpPr txBox="1"/>
          <p:nvPr/>
        </p:nvSpPr>
        <p:spPr bwMode="gray">
          <a:xfrm>
            <a:off x="228605" y="2856201"/>
            <a:ext cx="1493645" cy="894294"/>
          </a:xfrm>
          <a:prstGeom prst="rect">
            <a:avLst/>
          </a:prstGeom>
          <a:solidFill>
            <a:schemeClr val="accent4">
              <a:lumMod val="25000"/>
            </a:schemeClr>
          </a:solidFill>
        </p:spPr>
        <p:txBody>
          <a:bodyPr wrap="square" lIns="0" tIns="0" rIns="0" bIns="0" rtlCol="0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2400" dirty="0" err="1">
                <a:solidFill>
                  <a:srgbClr val="FFFF00"/>
                </a:solidFill>
                <a:latin typeface="Bahnschrift SemiCondensed" panose="020B0502040204020203" pitchFamily="34" charset="0"/>
              </a:rPr>
              <a:t>DataFrame</a:t>
            </a:r>
            <a:endParaRPr lang="en-US" sz="2400" dirty="0">
              <a:solidFill>
                <a:srgbClr val="FFFF00"/>
              </a:solidFill>
              <a:latin typeface="Bahnschrift SemiCondensed" panose="020B0502040204020203" pitchFamily="34" charset="0"/>
            </a:endParaRPr>
          </a:p>
          <a:p>
            <a:pPr algn="ctr">
              <a:spcBef>
                <a:spcPts val="600"/>
              </a:spcBef>
            </a:pPr>
            <a:r>
              <a:rPr lang="en-US" sz="2400" dirty="0">
                <a:solidFill>
                  <a:srgbClr val="FFFF00"/>
                </a:solidFill>
                <a:latin typeface="Bahnschrift SemiCondensed" panose="020B0502040204020203" pitchFamily="34" charset="0"/>
              </a:rPr>
              <a:t>(Data Table)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20B00C6E-489A-C7C7-AE9C-E4AAB3A0E24D}"/>
              </a:ext>
            </a:extLst>
          </p:cNvPr>
          <p:cNvSpPr txBox="1"/>
          <p:nvPr/>
        </p:nvSpPr>
        <p:spPr bwMode="gray">
          <a:xfrm>
            <a:off x="7769196" y="1685535"/>
            <a:ext cx="4190999" cy="380943"/>
          </a:xfrm>
          <a:prstGeom prst="rect">
            <a:avLst/>
          </a:prstGeom>
          <a:solidFill>
            <a:schemeClr val="accent2">
              <a:lumMod val="75000"/>
            </a:schemeClr>
          </a:solidFill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FFD100"/>
                </a:solidFill>
                <a:latin typeface="Bahnschrift SemiCondensed" panose="020B0502040204020203" pitchFamily="34" charset="0"/>
              </a:rPr>
              <a:t>Columns (Features, sensor entries)</a:t>
            </a:r>
          </a:p>
        </p:txBody>
      </p: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85D7879-6068-328B-38F4-6D2E51E9F2CE}"/>
              </a:ext>
            </a:extLst>
          </p:cNvPr>
          <p:cNvCxnSpPr>
            <a:cxnSpLocks/>
          </p:cNvCxnSpPr>
          <p:nvPr/>
        </p:nvCxnSpPr>
        <p:spPr bwMode="gray">
          <a:xfrm flipH="1">
            <a:off x="7518892" y="2033820"/>
            <a:ext cx="797794" cy="252433"/>
          </a:xfrm>
          <a:prstGeom prst="straightConnector1">
            <a:avLst/>
          </a:prstGeom>
          <a:ln w="3492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Oval 22">
            <a:extLst>
              <a:ext uri="{FF2B5EF4-FFF2-40B4-BE49-F238E27FC236}">
                <a16:creationId xmlns:a16="http://schemas.microsoft.com/office/drawing/2014/main" id="{1B20606B-C2D3-C7AB-6CBF-EC9E2661B37B}"/>
              </a:ext>
            </a:extLst>
          </p:cNvPr>
          <p:cNvSpPr/>
          <p:nvPr/>
        </p:nvSpPr>
        <p:spPr bwMode="gray">
          <a:xfrm>
            <a:off x="2457522" y="2079354"/>
            <a:ext cx="5061370" cy="443216"/>
          </a:xfrm>
          <a:prstGeom prst="ellipse">
            <a:avLst/>
          </a:prstGeom>
          <a:noFill/>
          <a:ln w="41275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BE9745B7-A37E-BD29-7192-09B0D7A83F67}"/>
              </a:ext>
            </a:extLst>
          </p:cNvPr>
          <p:cNvSpPr txBox="1"/>
          <p:nvPr/>
        </p:nvSpPr>
        <p:spPr bwMode="gray">
          <a:xfrm>
            <a:off x="163290" y="5022889"/>
            <a:ext cx="6567223" cy="367504"/>
          </a:xfrm>
          <a:prstGeom prst="rect">
            <a:avLst/>
          </a:prstGeom>
          <a:solidFill>
            <a:schemeClr val="accent2">
              <a:lumMod val="75000"/>
            </a:schemeClr>
          </a:solidFill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FFD100"/>
                </a:solidFill>
                <a:latin typeface="Bahnschrift SemiCondensed" panose="020B0502040204020203" pitchFamily="34" charset="0"/>
              </a:rPr>
              <a:t>Rows (Indices, samples) captured on fixed time stamp</a:t>
            </a:r>
          </a:p>
        </p:txBody>
      </p: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9B805A2D-89C6-C500-809D-5A44ACEF9B45}"/>
              </a:ext>
            </a:extLst>
          </p:cNvPr>
          <p:cNvCxnSpPr>
            <a:cxnSpLocks/>
          </p:cNvCxnSpPr>
          <p:nvPr/>
        </p:nvCxnSpPr>
        <p:spPr bwMode="gray">
          <a:xfrm flipH="1">
            <a:off x="1580948" y="4558000"/>
            <a:ext cx="416587" cy="464889"/>
          </a:xfrm>
          <a:prstGeom prst="straightConnector1">
            <a:avLst/>
          </a:prstGeom>
          <a:ln w="3492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Oval 25">
            <a:extLst>
              <a:ext uri="{FF2B5EF4-FFF2-40B4-BE49-F238E27FC236}">
                <a16:creationId xmlns:a16="http://schemas.microsoft.com/office/drawing/2014/main" id="{A6953BE9-4665-1B72-FE15-C236EFE3392B}"/>
              </a:ext>
            </a:extLst>
          </p:cNvPr>
          <p:cNvSpPr/>
          <p:nvPr/>
        </p:nvSpPr>
        <p:spPr bwMode="gray">
          <a:xfrm rot="5400000">
            <a:off x="978931" y="3307571"/>
            <a:ext cx="2481440" cy="683266"/>
          </a:xfrm>
          <a:prstGeom prst="ellipse">
            <a:avLst/>
          </a:prstGeom>
          <a:noFill/>
          <a:ln w="41275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928A0DBE-498E-E76C-7C95-5DFF811BE81E}"/>
              </a:ext>
            </a:extLst>
          </p:cNvPr>
          <p:cNvSpPr txBox="1"/>
          <p:nvPr/>
        </p:nvSpPr>
        <p:spPr bwMode="gray">
          <a:xfrm>
            <a:off x="644557" y="5465518"/>
            <a:ext cx="5883731" cy="133946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u="sng" dirty="0">
                <a:latin typeface="Bahnschrift SemiCondensed" panose="020B0502040204020203" pitchFamily="34" charset="0"/>
              </a:rPr>
              <a:t>Data categories: </a:t>
            </a:r>
          </a:p>
          <a:p>
            <a:pPr marL="457200" indent="-457200" algn="l">
              <a:spcBef>
                <a:spcPts val="600"/>
              </a:spcBef>
              <a:buAutoNum type="arabicPeriod"/>
            </a:pPr>
            <a:r>
              <a:rPr lang="en-US" sz="2400" dirty="0">
                <a:latin typeface="Bahnschrift SemiCondensed" panose="020B0502040204020203" pitchFamily="34" charset="0"/>
              </a:rPr>
              <a:t>Numerical Data: Ex. Numbers</a:t>
            </a:r>
          </a:p>
          <a:p>
            <a:pPr marL="457200" indent="-457200" algn="l">
              <a:spcBef>
                <a:spcPts val="600"/>
              </a:spcBef>
              <a:buAutoNum type="arabicPeriod"/>
            </a:pPr>
            <a:r>
              <a:rPr lang="en-US" sz="2400" dirty="0">
                <a:latin typeface="Bahnschrift SemiCondensed" panose="020B0502040204020203" pitchFamily="34" charset="0"/>
              </a:rPr>
              <a:t>Categorical Data: Ex. Yes/No, colors, types 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1CD07385-2517-4B03-4119-B3439AC9A7F4}"/>
              </a:ext>
            </a:extLst>
          </p:cNvPr>
          <p:cNvSpPr txBox="1"/>
          <p:nvPr/>
        </p:nvSpPr>
        <p:spPr bwMode="gray">
          <a:xfrm>
            <a:off x="6730513" y="5535333"/>
            <a:ext cx="5061370" cy="12435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u="sng" dirty="0">
                <a:latin typeface="Bahnschrift SemiCondensed" panose="020B0502040204020203" pitchFamily="34" charset="0"/>
              </a:rPr>
              <a:t>Data Types:</a:t>
            </a:r>
            <a:r>
              <a:rPr lang="en-US" sz="2400" dirty="0">
                <a:latin typeface="Bahnschrift SemiCondensed" panose="020B0502040204020203" pitchFamily="34" charset="0"/>
              </a:rPr>
              <a:t>  (</a:t>
            </a:r>
            <a:r>
              <a:rPr lang="en-US" sz="2400" dirty="0" err="1">
                <a:latin typeface="Bahnschrift SemiCondensed" panose="020B0502040204020203" pitchFamily="34" charset="0"/>
              </a:rPr>
              <a:t>dtypes</a:t>
            </a:r>
            <a:r>
              <a:rPr lang="en-US" sz="2400" dirty="0">
                <a:latin typeface="Bahnschrift SemiCondensed" panose="020B0502040204020203" pitchFamily="34" charset="0"/>
              </a:rPr>
              <a:t>)</a:t>
            </a:r>
          </a:p>
          <a:p>
            <a:pPr marL="457200" indent="-457200" algn="l">
              <a:spcBef>
                <a:spcPts val="600"/>
              </a:spcBef>
              <a:buAutoNum type="arabicPeriod"/>
            </a:pPr>
            <a:r>
              <a:rPr lang="en-US" sz="2400" dirty="0">
                <a:latin typeface="Bahnschrift SemiCondensed" panose="020B0502040204020203" pitchFamily="34" charset="0"/>
              </a:rPr>
              <a:t>Integers, Float, bool, datetime, object (dictionary format)</a:t>
            </a:r>
          </a:p>
        </p:txBody>
      </p: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031247F8-589C-D094-D40A-D65D59EB4963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34" name="Diagram 33">
            <a:extLst>
              <a:ext uri="{FF2B5EF4-FFF2-40B4-BE49-F238E27FC236}">
                <a16:creationId xmlns:a16="http://schemas.microsoft.com/office/drawing/2014/main" id="{3692F773-5984-A2F7-7195-18D73EC67AF2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416814050"/>
              </p:ext>
            </p:extLst>
          </p:nvPr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27251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4" presetClass="entr" presetSubtype="1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13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4" dur="25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5" dur="25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6" fill="hold">
                      <p:stCondLst>
                        <p:cond delay="indefinite"/>
                      </p:stCondLst>
                      <p:childTnLst>
                        <p:par>
                          <p:cTn id="27" fill="hold">
                            <p:stCondLst>
                              <p:cond delay="0"/>
                            </p:stCondLst>
                            <p:childTnLst>
                              <p:par>
                                <p:cTn id="28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0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9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1" dur="25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2" dur="25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9" fill="hold">
                            <p:stCondLst>
                              <p:cond delay="0"/>
                            </p:stCondLst>
                            <p:childTnLst>
                              <p:par>
                                <p:cTn id="5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3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5" dur="25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6" dur="25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1" fill="hold">
                            <p:stCondLst>
                              <p:cond delay="0"/>
                            </p:stCondLst>
                            <p:childTnLst>
                              <p:par>
                                <p:cTn id="6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4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8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0" dur="25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71" dur="25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2" fill="hold">
                      <p:stCondLst>
                        <p:cond delay="indefinite"/>
                      </p:stCondLst>
                      <p:childTnLst>
                        <p:par>
                          <p:cTn id="73" fill="hold">
                            <p:stCondLst>
                              <p:cond delay="0"/>
                            </p:stCondLst>
                            <p:childTnLst>
                              <p:par>
                                <p:cTn id="74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6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78" fill="hold">
                            <p:stCondLst>
                              <p:cond delay="0"/>
                            </p:stCondLst>
                            <p:childTnLst>
                              <p:par>
                                <p:cTn id="79" presetID="14" presetClass="entr" presetSubtype="1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81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2" fill="hold">
                      <p:stCondLst>
                        <p:cond delay="indefinite"/>
                      </p:stCondLst>
                      <p:childTnLst>
                        <p:par>
                          <p:cTn id="83" fill="hold">
                            <p:stCondLst>
                              <p:cond delay="0"/>
                            </p:stCondLst>
                            <p:childTnLst>
                              <p:par>
                                <p:cTn id="84" presetID="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86" dur="25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7" dur="25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8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2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3" fill="hold">
                      <p:stCondLst>
                        <p:cond delay="indefinite"/>
                      </p:stCondLst>
                      <p:childTnLst>
                        <p:par>
                          <p:cTn id="94" fill="hold">
                            <p:stCondLst>
                              <p:cond delay="0"/>
                            </p:stCondLst>
                            <p:childTnLst>
                              <p:par>
                                <p:cTn id="95" presetID="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97" dur="250" fill="hold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98" dur="250" fill="hold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3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4" fill="hold">
                      <p:stCondLst>
                        <p:cond delay="indefinite"/>
                      </p:stCondLst>
                      <p:childTnLst>
                        <p:par>
                          <p:cTn id="105" fill="hold">
                            <p:stCondLst>
                              <p:cond delay="0"/>
                            </p:stCondLst>
                            <p:childTnLst>
                              <p:par>
                                <p:cTn id="106" presetID="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08" dur="25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09" dur="25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0" fill="hold">
                      <p:stCondLst>
                        <p:cond delay="indefinite"/>
                      </p:stCondLst>
                      <p:childTnLst>
                        <p:par>
                          <p:cTn id="111" fill="hold">
                            <p:stCondLst>
                              <p:cond delay="0"/>
                            </p:stCondLst>
                            <p:childTnLst>
                              <p:par>
                                <p:cTn id="112" presetID="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4" dur="250" fill="hold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15" dur="250" fill="hold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/>
      <p:bldP spid="7" grpId="0" animBg="1"/>
      <p:bldP spid="7" grpId="1" animBg="1"/>
      <p:bldP spid="8" grpId="0" animBg="1"/>
      <p:bldP spid="8" grpId="1" animBg="1"/>
      <p:bldP spid="9" grpId="0"/>
      <p:bldP spid="10" grpId="0" animBg="1"/>
      <p:bldP spid="10" grpId="1" animBg="1"/>
      <p:bldP spid="11" grpId="0" animBg="1"/>
      <p:bldP spid="11" grpId="1" animBg="1"/>
      <p:bldP spid="12" grpId="0"/>
      <p:bldP spid="13" grpId="0" animBg="1"/>
      <p:bldP spid="13" grpId="1" animBg="1"/>
      <p:bldP spid="14" grpId="0"/>
      <p:bldP spid="15" grpId="0" animBg="1"/>
      <p:bldP spid="15" grpId="1" animBg="1"/>
      <p:bldP spid="16" grpId="0" animBg="1"/>
      <p:bldP spid="16" grpId="1" animBg="1"/>
      <p:bldP spid="17" grpId="0"/>
      <p:bldP spid="18" grpId="0" animBg="1"/>
      <p:bldP spid="19" grpId="0" animBg="1"/>
      <p:bldP spid="23" grpId="0" animBg="1"/>
      <p:bldP spid="24" grpId="0" animBg="1"/>
      <p:bldP spid="26" grpId="0" animBg="1"/>
      <p:bldP spid="29" grpId="0"/>
      <p:bldP spid="30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E1DD427-CF5D-5531-F9FE-E2794845A63E}"/>
              </a:ext>
            </a:extLst>
          </p:cNvPr>
          <p:cNvSpPr txBox="1"/>
          <p:nvPr/>
        </p:nvSpPr>
        <p:spPr bwMode="gray">
          <a:xfrm>
            <a:off x="584202" y="228966"/>
            <a:ext cx="4913084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Step 2 : </a:t>
            </a:r>
            <a:r>
              <a:rPr lang="en-US" sz="3200" b="1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Data Visualization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CDBD3500-684A-EB27-00E6-20E3A1D05717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B72E43D6-473B-4A7E-8E6B-0423327D2C5E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845319865"/>
              </p:ext>
            </p:extLst>
          </p:nvPr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E11D2A4B-D4DD-3800-46BB-DDBC2DBAD973}"/>
              </a:ext>
            </a:extLst>
          </p:cNvPr>
          <p:cNvSpPr txBox="1"/>
          <p:nvPr/>
        </p:nvSpPr>
        <p:spPr bwMode="gray">
          <a:xfrm>
            <a:off x="3628573" y="1021762"/>
            <a:ext cx="5261427" cy="46893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Visualization as first step, why?</a:t>
            </a:r>
          </a:p>
        </p:txBody>
      </p:sp>
      <p:graphicFrame>
        <p:nvGraphicFramePr>
          <p:cNvPr id="6" name="Chart 5">
            <a:extLst>
              <a:ext uri="{FF2B5EF4-FFF2-40B4-BE49-F238E27FC236}">
                <a16:creationId xmlns:a16="http://schemas.microsoft.com/office/drawing/2014/main" id="{3703655D-A72F-16C7-14DB-73043A5E7F6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031241490"/>
              </p:ext>
            </p:extLst>
          </p:nvPr>
        </p:nvGraphicFramePr>
        <p:xfrm>
          <a:off x="370114" y="1675327"/>
          <a:ext cx="5573485" cy="346962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8" name="TextBox 7">
            <a:extLst>
              <a:ext uri="{FF2B5EF4-FFF2-40B4-BE49-F238E27FC236}">
                <a16:creationId xmlns:a16="http://schemas.microsoft.com/office/drawing/2014/main" id="{34D2722D-801C-9E72-3047-D5AAB8244D82}"/>
              </a:ext>
            </a:extLst>
          </p:cNvPr>
          <p:cNvSpPr txBox="1"/>
          <p:nvPr/>
        </p:nvSpPr>
        <p:spPr bwMode="gray">
          <a:xfrm>
            <a:off x="6366330" y="1626887"/>
            <a:ext cx="5261427" cy="46893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600" u="sng" dirty="0">
                <a:latin typeface="Bahnschrift SemiCondensed" panose="020B0502040204020203" pitchFamily="34" charset="0"/>
              </a:rPr>
              <a:t>What can you deduce from this plot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A775C78-FA4D-2956-9482-A0FE2A1DEE61}"/>
              </a:ext>
            </a:extLst>
          </p:cNvPr>
          <p:cNvSpPr txBox="1"/>
          <p:nvPr/>
        </p:nvSpPr>
        <p:spPr bwMode="gray">
          <a:xfrm>
            <a:off x="6346371" y="2317369"/>
            <a:ext cx="5475515" cy="283668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514350" indent="-514350" algn="l">
              <a:spcBef>
                <a:spcPts val="600"/>
              </a:spcBef>
              <a:buAutoNum type="arabicPeriod"/>
            </a:pPr>
            <a:r>
              <a:rPr lang="en-US" sz="2400" dirty="0">
                <a:latin typeface="Bahnschrift SemiCondensed" panose="020B0502040204020203" pitchFamily="34" charset="0"/>
              </a:rPr>
              <a:t>Some data entries are missing between 50</a:t>
            </a:r>
            <a:r>
              <a:rPr lang="en-US" sz="2400" baseline="30000" dirty="0">
                <a:latin typeface="Bahnschrift SemiCondensed" panose="020B0502040204020203" pitchFamily="34" charset="0"/>
              </a:rPr>
              <a:t>th</a:t>
            </a:r>
            <a:r>
              <a:rPr lang="en-US" sz="2400" dirty="0">
                <a:latin typeface="Bahnschrift SemiCondensed" panose="020B0502040204020203" pitchFamily="34" charset="0"/>
              </a:rPr>
              <a:t> and 100</a:t>
            </a:r>
            <a:r>
              <a:rPr lang="en-US" sz="2400" baseline="30000" dirty="0">
                <a:latin typeface="Bahnschrift SemiCondensed" panose="020B0502040204020203" pitchFamily="34" charset="0"/>
              </a:rPr>
              <a:t>th</a:t>
            </a:r>
            <a:r>
              <a:rPr lang="en-US" sz="2400" dirty="0">
                <a:latin typeface="Bahnschrift SemiCondensed" panose="020B0502040204020203" pitchFamily="34" charset="0"/>
              </a:rPr>
              <a:t> hours</a:t>
            </a:r>
          </a:p>
          <a:p>
            <a:pPr marL="514350" indent="-514350" algn="l">
              <a:spcBef>
                <a:spcPts val="600"/>
              </a:spcBef>
              <a:buAutoNum type="arabicPeriod"/>
            </a:pPr>
            <a:r>
              <a:rPr lang="en-US" sz="2400" dirty="0">
                <a:latin typeface="Bahnschrift SemiCondensed" panose="020B0502040204020203" pitchFamily="34" charset="0"/>
              </a:rPr>
              <a:t>Entry at 37</a:t>
            </a:r>
            <a:r>
              <a:rPr lang="en-US" sz="2400" baseline="30000" dirty="0">
                <a:latin typeface="Bahnschrift SemiCondensed" panose="020B0502040204020203" pitchFamily="34" charset="0"/>
              </a:rPr>
              <a:t>th</a:t>
            </a:r>
            <a:r>
              <a:rPr lang="en-US" sz="2400" dirty="0">
                <a:latin typeface="Bahnschrift SemiCondensed" panose="020B0502040204020203" pitchFamily="34" charset="0"/>
              </a:rPr>
              <a:t> hour seems infinite or erroneous input</a:t>
            </a:r>
          </a:p>
          <a:p>
            <a:pPr marL="514350" indent="-514350" algn="l">
              <a:spcBef>
                <a:spcPts val="600"/>
              </a:spcBef>
              <a:buAutoNum type="arabicPeriod"/>
            </a:pPr>
            <a:r>
              <a:rPr lang="en-US" sz="2400" dirty="0">
                <a:latin typeface="Bahnschrift SemiCondensed" panose="020B0502040204020203" pitchFamily="34" charset="0"/>
              </a:rPr>
              <a:t>After 137</a:t>
            </a:r>
            <a:r>
              <a:rPr lang="en-US" sz="2400" baseline="30000" dirty="0">
                <a:latin typeface="Bahnschrift SemiCondensed" panose="020B0502040204020203" pitchFamily="34" charset="0"/>
              </a:rPr>
              <a:t>th</a:t>
            </a:r>
            <a:r>
              <a:rPr lang="en-US" sz="2400" dirty="0">
                <a:latin typeface="Bahnschrift SemiCondensed" panose="020B0502040204020203" pitchFamily="34" charset="0"/>
              </a:rPr>
              <a:t> hour the system seems idle or off (this data may not be useful to analyze or use for ML training) 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02D677E5-773A-B47F-0B1C-522EC84ED752}"/>
              </a:ext>
            </a:extLst>
          </p:cNvPr>
          <p:cNvSpPr txBox="1"/>
          <p:nvPr/>
        </p:nvSpPr>
        <p:spPr bwMode="gray">
          <a:xfrm>
            <a:off x="277585" y="5370495"/>
            <a:ext cx="11625943" cy="1200329"/>
          </a:xfrm>
          <a:prstGeom prst="rect">
            <a:avLst/>
          </a:prstGeom>
          <a:solidFill>
            <a:schemeClr val="accent5">
              <a:lumMod val="75000"/>
            </a:schemeClr>
          </a:solidFill>
        </p:spPr>
        <p:txBody>
          <a:bodyPr wrap="square">
            <a:spAutoFit/>
          </a:bodyPr>
          <a:lstStyle/>
          <a:p>
            <a:pPr algn="just">
              <a:spcBef>
                <a:spcPts val="600"/>
              </a:spcBef>
            </a:pPr>
            <a:r>
              <a:rPr lang="en-US" sz="2400" dirty="0">
                <a:latin typeface="Bahnschrift SemiCondensed" panose="020B0502040204020203" pitchFamily="34" charset="0"/>
              </a:rPr>
              <a:t>Initial Visualization can help in giving a quick glimpse of data and  in understanding their patterns. It reduces an engineer’s effort, time and resource to be spent for analyzing the raw data and can help her/him focus on the right chunk of data </a:t>
            </a:r>
          </a:p>
        </p:txBody>
      </p:sp>
    </p:spTree>
    <p:extLst>
      <p:ext uri="{BB962C8B-B14F-4D97-AF65-F5344CB8AC3E}">
        <p14:creationId xmlns:p14="http://schemas.microsoft.com/office/powerpoint/2010/main" val="35624803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4" presetClass="entr" presetSubtype="1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13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4" fill="hold">
                            <p:stCondLst>
                              <p:cond delay="500"/>
                            </p:stCondLst>
                            <p:childTnLst>
                              <p:par>
                                <p:cTn id="15" presetID="2" presetClass="entr" presetSubtype="8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4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26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29" dur="290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0" dur="911" tmFilter="0,0; 0.14,0.36; 0.43,0.73; 0.71,0.91; 1.0,1.0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-0.25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1" dur="332" tmFilter="0.0,0.0; 0.25,0.07; 0.50,0.2; 0.75,0.467; 1.0,1.0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3">
                                          <p:val>
                                            <p:fltVal val="0.5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2" dur="332" tmFilter="0, 0; 0.125,0.2665; 0.25,0.4; 0.375,0.465; 0.5,0.5;  0.625,0.535; 0.75,0.6; 0.875,0.7335; 1,1">
                                          <p:stCondLst>
                                            <p:cond delay="332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9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3" dur="166" tmFilter="0, 0; 0.125,0.2665; 0.25,0.4; 0.375,0.465; 0.5,0.5;  0.625,0.535; 0.75,0.6; 0.875,0.7335; 1,1">
                                          <p:stCondLst>
                                            <p:cond delay="662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27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4" dur="82" tmFilter="0, 0; 0.125,0.2665; 0.25,0.4; 0.375,0.465; 0.5,0.5;  0.625,0.535; 0.75,0.6; 0.875,0.7335; 1,1">
                                          <p:stCondLst>
                                            <p:cond delay="828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81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Scale>
                                      <p:cBhvr>
                                        <p:cTn id="35" dur="13">
                                          <p:stCondLst>
                                            <p:cond delay="325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</p:cBhvr>
                                      <p:to x="100000" y="60000"/>
                                    </p:animScale>
                                    <p:animScale>
                                      <p:cBhvr>
                                        <p:cTn id="36" dur="83" decel="50000">
                                          <p:stCondLst>
                                            <p:cond delay="338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</p:cBhvr>
                                      <p:to x="100000" y="100000"/>
                                    </p:animScale>
                                    <p:animScale>
                                      <p:cBhvr>
                                        <p:cTn id="37" dur="13">
                                          <p:stCondLst>
                                            <p:cond delay="656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</p:cBhvr>
                                      <p:to x="100000" y="80000"/>
                                    </p:animScale>
                                    <p:animScale>
                                      <p:cBhvr>
                                        <p:cTn id="38" dur="83" decel="50000">
                                          <p:stCondLst>
                                            <p:cond delay="669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</p:cBhvr>
                                      <p:to x="100000" y="100000"/>
                                    </p:animScale>
                                    <p:animScale>
                                      <p:cBhvr>
                                        <p:cTn id="39" dur="13">
                                          <p:stCondLst>
                                            <p:cond delay="821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</p:cBhvr>
                                      <p:to x="100000" y="90000"/>
                                    </p:animScale>
                                    <p:animScale>
                                      <p:cBhvr>
                                        <p:cTn id="40" dur="83" decel="50000">
                                          <p:stCondLst>
                                            <p:cond delay="834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</p:cBhvr>
                                      <p:to x="100000" y="100000"/>
                                    </p:animScale>
                                    <p:animScale>
                                      <p:cBhvr>
                                        <p:cTn id="41" dur="13">
                                          <p:stCondLst>
                                            <p:cond delay="904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</p:cBhvr>
                                      <p:to x="100000" y="95000"/>
                                    </p:animScale>
                                    <p:animScale>
                                      <p:cBhvr>
                                        <p:cTn id="42" dur="83" decel="50000">
                                          <p:stCondLst>
                                            <p:cond delay="917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</p:cBhvr>
                                      <p:to x="100000" y="100000"/>
                                    </p:animScale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Graphic spid="6" grpId="0">
        <p:bldAsOne/>
      </p:bldGraphic>
      <p:bldP spid="8" grpId="0"/>
      <p:bldP spid="9" grpId="0"/>
      <p:bldP spid="13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Picture 26">
            <a:extLst>
              <a:ext uri="{FF2B5EF4-FFF2-40B4-BE49-F238E27FC236}">
                <a16:creationId xmlns:a16="http://schemas.microsoft.com/office/drawing/2014/main" id="{DAEB6E29-324D-4E47-2B62-0D38E6555FB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412000" y="1030537"/>
            <a:ext cx="2698721" cy="2137793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DE1DD427-CF5D-5531-F9FE-E2794845A63E}"/>
              </a:ext>
            </a:extLst>
          </p:cNvPr>
          <p:cNvSpPr txBox="1"/>
          <p:nvPr/>
        </p:nvSpPr>
        <p:spPr bwMode="gray">
          <a:xfrm>
            <a:off x="584202" y="228966"/>
            <a:ext cx="4913084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200" b="1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Data Visualization </a:t>
            </a:r>
            <a:r>
              <a:rPr lang="en-US" sz="2800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(</a:t>
            </a:r>
            <a:r>
              <a:rPr lang="en-US" sz="2800" dirty="0" err="1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contd</a:t>
            </a:r>
            <a:r>
              <a:rPr lang="en-US" sz="2800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…)</a:t>
            </a:r>
            <a:endParaRPr lang="en-US" sz="3200" dirty="0">
              <a:solidFill>
                <a:srgbClr val="0070C0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CDBD3500-684A-EB27-00E6-20E3A1D05717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B72E43D6-473B-4A7E-8E6B-0423327D2C5E}"/>
              </a:ext>
            </a:extLst>
          </p:cNvPr>
          <p:cNvGraphicFramePr/>
          <p:nvPr/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E11D2A4B-D4DD-3800-46BB-DDBC2DBAD973}"/>
              </a:ext>
            </a:extLst>
          </p:cNvPr>
          <p:cNvSpPr txBox="1"/>
          <p:nvPr/>
        </p:nvSpPr>
        <p:spPr bwMode="gray">
          <a:xfrm>
            <a:off x="411845" y="1021102"/>
            <a:ext cx="3887233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Recommended Vis Tool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4D2722D-801C-9E72-3047-D5AAB8244D82}"/>
              </a:ext>
            </a:extLst>
          </p:cNvPr>
          <p:cNvSpPr txBox="1"/>
          <p:nvPr/>
        </p:nvSpPr>
        <p:spPr bwMode="gray">
          <a:xfrm>
            <a:off x="9641272" y="1173049"/>
            <a:ext cx="2728686" cy="46893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600" u="sng" dirty="0">
                <a:latin typeface="Bahnschrift SemiCondensed" panose="020B0502040204020203" pitchFamily="34" charset="0"/>
              </a:rPr>
              <a:t>Python Libraries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A775C78-FA4D-2956-9482-A0FE2A1DEE61}"/>
              </a:ext>
            </a:extLst>
          </p:cNvPr>
          <p:cNvSpPr txBox="1"/>
          <p:nvPr/>
        </p:nvSpPr>
        <p:spPr bwMode="gray">
          <a:xfrm>
            <a:off x="9641272" y="1667621"/>
            <a:ext cx="1655807" cy="81610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latin typeface="Bahnschrift SemiCondensed" panose="020B0502040204020203" pitchFamily="34" charset="0"/>
              </a:rPr>
              <a:t>Matplotlib</a:t>
            </a:r>
          </a:p>
          <a:p>
            <a:pPr algn="l">
              <a:spcBef>
                <a:spcPts val="600"/>
              </a:spcBef>
            </a:pPr>
            <a:r>
              <a:rPr lang="en-US" sz="2400" dirty="0">
                <a:latin typeface="Bahnschrift SemiCondensed" panose="020B0502040204020203" pitchFamily="34" charset="0"/>
              </a:rPr>
              <a:t>seaborn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6286179A-C273-E32C-343E-079BD93D13C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98682" y="3773343"/>
            <a:ext cx="3376929" cy="2919253"/>
          </a:xfrm>
          <a:prstGeom prst="rect">
            <a:avLst/>
          </a:prstGeom>
        </p:spPr>
      </p:pic>
      <p:pic>
        <p:nvPicPr>
          <p:cNvPr id="17" name="Picture 16" descr="Chart, histogram&#10;&#10;Description automatically generated">
            <a:extLst>
              <a:ext uri="{FF2B5EF4-FFF2-40B4-BE49-F238E27FC236}">
                <a16:creationId xmlns:a16="http://schemas.microsoft.com/office/drawing/2014/main" id="{EFDE16F1-F8F0-71EC-51A0-23AA54F2ABB9}"/>
              </a:ext>
            </a:extLst>
          </p:cNvPr>
          <p:cNvPicPr>
            <a:picLocks noChangeAspect="1"/>
          </p:cNvPicPr>
          <p:nvPr/>
        </p:nvPicPr>
        <p:blipFill rotWithShape="1">
          <a:blip r:embed="rId9"/>
          <a:srcRect t="10134" r="8721" b="4985"/>
          <a:stretch/>
        </p:blipFill>
        <p:spPr>
          <a:xfrm>
            <a:off x="3733297" y="3773343"/>
            <a:ext cx="4095075" cy="2919253"/>
          </a:xfrm>
          <a:prstGeom prst="rect">
            <a:avLst/>
          </a:prstGeom>
        </p:spPr>
      </p:pic>
      <p:pic>
        <p:nvPicPr>
          <p:cNvPr id="19" name="Picture 18" descr="A picture containing treemap chart&#10;&#10;Description automatically generated">
            <a:extLst>
              <a:ext uri="{FF2B5EF4-FFF2-40B4-BE49-F238E27FC236}">
                <a16:creationId xmlns:a16="http://schemas.microsoft.com/office/drawing/2014/main" id="{09F911A5-DD5E-0343-906B-6EE7458AD1D5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7968344" y="2922248"/>
            <a:ext cx="4191888" cy="3925217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2125FE33-D42D-9551-8BDA-8272B848FA08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198682" y="1492900"/>
            <a:ext cx="3478873" cy="2212255"/>
          </a:xfrm>
          <a:prstGeom prst="rect">
            <a:avLst/>
          </a:prstGeom>
        </p:spPr>
      </p:pic>
      <p:sp>
        <p:nvSpPr>
          <p:cNvPr id="22" name="TextBox 21">
            <a:extLst>
              <a:ext uri="{FF2B5EF4-FFF2-40B4-BE49-F238E27FC236}">
                <a16:creationId xmlns:a16="http://schemas.microsoft.com/office/drawing/2014/main" id="{88AA12F7-D54B-CD00-1E82-A62D99F92A54}"/>
              </a:ext>
            </a:extLst>
          </p:cNvPr>
          <p:cNvSpPr txBox="1"/>
          <p:nvPr/>
        </p:nvSpPr>
        <p:spPr bwMode="gray">
          <a:xfrm>
            <a:off x="2550728" y="1667621"/>
            <a:ext cx="996551" cy="39053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dirty="0">
                <a:latin typeface="Bahnschrift SemiCondensed" panose="020B0502040204020203" pitchFamily="34" charset="0"/>
              </a:rPr>
              <a:t>Line Plot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F7BE399A-BD2D-906F-6503-0512AC24F04A}"/>
              </a:ext>
            </a:extLst>
          </p:cNvPr>
          <p:cNvSpPr txBox="1"/>
          <p:nvPr/>
        </p:nvSpPr>
        <p:spPr bwMode="gray">
          <a:xfrm>
            <a:off x="2550728" y="3983396"/>
            <a:ext cx="933051" cy="39146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dirty="0">
                <a:latin typeface="Bahnschrift SemiCondensed" panose="020B0502040204020203" pitchFamily="34" charset="0"/>
              </a:rPr>
              <a:t>Box Plo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D5C84472-E9AC-0C27-46C5-47BCC9ED9088}"/>
              </a:ext>
            </a:extLst>
          </p:cNvPr>
          <p:cNvSpPr txBox="1"/>
          <p:nvPr/>
        </p:nvSpPr>
        <p:spPr bwMode="gray">
          <a:xfrm>
            <a:off x="6583850" y="3906822"/>
            <a:ext cx="1097643" cy="3827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dirty="0">
                <a:latin typeface="Bahnschrift SemiCondensed" panose="020B0502040204020203" pitchFamily="34" charset="0"/>
              </a:rPr>
              <a:t>Histogram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4473F152-397B-D751-2E5E-AB7F9D69AA52}"/>
              </a:ext>
            </a:extLst>
          </p:cNvPr>
          <p:cNvSpPr txBox="1"/>
          <p:nvPr/>
        </p:nvSpPr>
        <p:spPr bwMode="gray">
          <a:xfrm>
            <a:off x="10940522" y="6297438"/>
            <a:ext cx="933051" cy="39146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dirty="0">
                <a:latin typeface="Bahnschrift SemiCondensed" panose="020B0502040204020203" pitchFamily="34" charset="0"/>
              </a:rPr>
              <a:t>Heat Map</a:t>
            </a:r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15586324-820B-4FC5-AE63-914C85750EA3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3768160" y="1088434"/>
            <a:ext cx="2503868" cy="2536509"/>
          </a:xfrm>
          <a:prstGeom prst="rect">
            <a:avLst/>
          </a:prstGeom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BF3F045F-95A0-5045-B328-E35BE693B460}"/>
              </a:ext>
            </a:extLst>
          </p:cNvPr>
          <p:cNvSpPr txBox="1"/>
          <p:nvPr/>
        </p:nvSpPr>
        <p:spPr bwMode="gray">
          <a:xfrm>
            <a:off x="4390584" y="1107128"/>
            <a:ext cx="1422908" cy="39146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dirty="0">
                <a:latin typeface="Bahnschrift SemiCondensed" panose="020B0502040204020203" pitchFamily="34" charset="0"/>
              </a:rPr>
              <a:t>Surface Plot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2B837DC0-7A92-947F-25F5-9B47734F5D73}"/>
              </a:ext>
            </a:extLst>
          </p:cNvPr>
          <p:cNvSpPr txBox="1"/>
          <p:nvPr/>
        </p:nvSpPr>
        <p:spPr bwMode="gray">
          <a:xfrm>
            <a:off x="7861030" y="1105333"/>
            <a:ext cx="1422908" cy="39146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dirty="0">
                <a:latin typeface="Bahnschrift SemiCondensed" panose="020B0502040204020203" pitchFamily="34" charset="0"/>
              </a:rPr>
              <a:t>Scatter Plot</a:t>
            </a:r>
          </a:p>
        </p:txBody>
      </p:sp>
    </p:spTree>
    <p:extLst>
      <p:ext uri="{BB962C8B-B14F-4D97-AF65-F5344CB8AC3E}">
        <p14:creationId xmlns:p14="http://schemas.microsoft.com/office/powerpoint/2010/main" val="2515282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0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5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6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7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9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60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  <p:bldP spid="9" grpId="0"/>
      <p:bldP spid="22" grpId="0"/>
      <p:bldP spid="23" grpId="0"/>
      <p:bldP spid="24" grpId="0"/>
      <p:bldP spid="25" grpId="0"/>
      <p:bldP spid="30" grpId="0"/>
      <p:bldP spid="31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A39C439-15AE-4380-93D9-A6C739E35528}"/>
              </a:ext>
            </a:extLst>
          </p:cNvPr>
          <p:cNvSpPr txBox="1"/>
          <p:nvPr/>
        </p:nvSpPr>
        <p:spPr bwMode="gray">
          <a:xfrm>
            <a:off x="584201" y="228966"/>
            <a:ext cx="8080828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Step 2 </a:t>
            </a:r>
            <a:r>
              <a:rPr lang="en-US" sz="30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:  </a:t>
            </a:r>
            <a:r>
              <a:rPr lang="en-US" sz="3000" b="1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EDA &amp; Data Cleaning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A51752B5-B662-4EBC-A24B-A1600EC116A4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187BEB43-C215-E966-CCEB-F3FDC2F80C2A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55043618"/>
              </p:ext>
            </p:extLst>
          </p:nvPr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00B53052-B705-23D1-55AC-18B0D285B20E}"/>
              </a:ext>
            </a:extLst>
          </p:cNvPr>
          <p:cNvSpPr txBox="1"/>
          <p:nvPr/>
        </p:nvSpPr>
        <p:spPr bwMode="gray">
          <a:xfrm>
            <a:off x="584201" y="1052690"/>
            <a:ext cx="3887233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EDA – Exploratory Data Analysi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46C5F4F-0185-34BF-ABDA-E29BFD161328}"/>
              </a:ext>
            </a:extLst>
          </p:cNvPr>
          <p:cNvSpPr txBox="1"/>
          <p:nvPr/>
        </p:nvSpPr>
        <p:spPr bwMode="gray">
          <a:xfrm>
            <a:off x="4613729" y="1063576"/>
            <a:ext cx="6522356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latin typeface="Bahnschrift SemiCondensed" panose="020B0502040204020203" pitchFamily="34" charset="0"/>
              </a:rPr>
              <a:t>(Basically, checking stats before cleaning data)</a:t>
            </a:r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5E88F9D4-62A4-4B56-6AA3-D537CC12954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74048526"/>
              </p:ext>
            </p:extLst>
          </p:nvPr>
        </p:nvGraphicFramePr>
        <p:xfrm>
          <a:off x="377371" y="1675188"/>
          <a:ext cx="6720114" cy="2487387"/>
        </p:xfrm>
        <a:graphic>
          <a:graphicData uri="http://schemas.openxmlformats.org/drawingml/2006/table">
            <a:tbl>
              <a:tblPr>
                <a:tableStyleId>{773F8A54-F971-430D-9108-034FE38666EA}</a:tableStyleId>
              </a:tblPr>
              <a:tblGrid>
                <a:gridCol w="776058">
                  <a:extLst>
                    <a:ext uri="{9D8B030D-6E8A-4147-A177-3AD203B41FA5}">
                      <a16:colId xmlns:a16="http://schemas.microsoft.com/office/drawing/2014/main" val="1703184336"/>
                    </a:ext>
                  </a:extLst>
                </a:gridCol>
                <a:gridCol w="1191006">
                  <a:extLst>
                    <a:ext uri="{9D8B030D-6E8A-4147-A177-3AD203B41FA5}">
                      <a16:colId xmlns:a16="http://schemas.microsoft.com/office/drawing/2014/main" val="3938482616"/>
                    </a:ext>
                  </a:extLst>
                </a:gridCol>
                <a:gridCol w="1182536">
                  <a:extLst>
                    <a:ext uri="{9D8B030D-6E8A-4147-A177-3AD203B41FA5}">
                      <a16:colId xmlns:a16="http://schemas.microsoft.com/office/drawing/2014/main" val="2127226565"/>
                    </a:ext>
                  </a:extLst>
                </a:gridCol>
                <a:gridCol w="1138433">
                  <a:extLst>
                    <a:ext uri="{9D8B030D-6E8A-4147-A177-3AD203B41FA5}">
                      <a16:colId xmlns:a16="http://schemas.microsoft.com/office/drawing/2014/main" val="870471129"/>
                    </a:ext>
                  </a:extLst>
                </a:gridCol>
                <a:gridCol w="1049596">
                  <a:extLst>
                    <a:ext uri="{9D8B030D-6E8A-4147-A177-3AD203B41FA5}">
                      <a16:colId xmlns:a16="http://schemas.microsoft.com/office/drawing/2014/main" val="491313219"/>
                    </a:ext>
                  </a:extLst>
                </a:gridCol>
                <a:gridCol w="1382485">
                  <a:extLst>
                    <a:ext uri="{9D8B030D-6E8A-4147-A177-3AD203B41FA5}">
                      <a16:colId xmlns:a16="http://schemas.microsoft.com/office/drawing/2014/main" val="3856596692"/>
                    </a:ext>
                  </a:extLst>
                </a:gridCol>
              </a:tblGrid>
              <a:tr h="304800">
                <a:tc>
                  <a:txBody>
                    <a:bodyPr/>
                    <a:lstStyle/>
                    <a:p>
                      <a:pPr algn="l" fontAlgn="b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Pressure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Temp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Rotor Angle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Rotor RPM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Arm displacement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07802274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count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67459.0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467459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467459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467459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467459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94782375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mean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642.8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233727.9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54.5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058.4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550.6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08949676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>
                          <a:effectLst/>
                        </a:rPr>
                        <a:t>std</a:t>
                      </a:r>
                      <a:endParaRPr lang="en-US" sz="1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986.7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34943.1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42.2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174.4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479.4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65827078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min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0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0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-6.6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0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0.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080640059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25%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57.0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16864.5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0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539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347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910584145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50%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42.0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233727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72.1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581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353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155179748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75%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18.0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350591.5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0.3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624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3289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22266962"/>
                  </a:ext>
                </a:extLst>
              </a:tr>
              <a:tr h="18542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max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9777.0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467456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31.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9508.0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432.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36932648"/>
                  </a:ext>
                </a:extLst>
              </a:tr>
            </a:tbl>
          </a:graphicData>
        </a:graphic>
      </p:graphicFrame>
      <p:sp>
        <p:nvSpPr>
          <p:cNvPr id="8" name="TextBox 7">
            <a:extLst>
              <a:ext uri="{FF2B5EF4-FFF2-40B4-BE49-F238E27FC236}">
                <a16:creationId xmlns:a16="http://schemas.microsoft.com/office/drawing/2014/main" id="{F738C438-9EBA-60AD-D049-611F06198244}"/>
              </a:ext>
            </a:extLst>
          </p:cNvPr>
          <p:cNvSpPr txBox="1"/>
          <p:nvPr/>
        </p:nvSpPr>
        <p:spPr bwMode="gray">
          <a:xfrm>
            <a:off x="406403" y="4432285"/>
            <a:ext cx="4821216" cy="38475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latin typeface="72 Condensed" panose="020B0506030000000003" pitchFamily="34" charset="0"/>
                <a:cs typeface="72 Condensed" panose="020B0506030000000003" pitchFamily="34" charset="0"/>
              </a:rPr>
              <a:t>Make a </a:t>
            </a:r>
            <a:r>
              <a:rPr lang="en-US" sz="2400" dirty="0" err="1">
                <a:latin typeface="72 Condensed" panose="020B0506030000000003" pitchFamily="34" charset="0"/>
                <a:cs typeface="72 Condensed" panose="020B0506030000000003" pitchFamily="34" charset="0"/>
              </a:rPr>
              <a:t>DataFrame</a:t>
            </a:r>
            <a:r>
              <a:rPr lang="en-US" sz="2400" dirty="0">
                <a:latin typeface="72 Condensed" panose="020B0506030000000003" pitchFamily="34" charset="0"/>
                <a:cs typeface="72 Condensed" panose="020B0506030000000003" pitchFamily="34" charset="0"/>
              </a:rPr>
              <a:t> using ‘Pandas’ library</a:t>
            </a:r>
          </a:p>
          <a:p>
            <a:pPr algn="l">
              <a:spcBef>
                <a:spcPts val="600"/>
              </a:spcBef>
            </a:pPr>
            <a:endParaRPr lang="en-US" sz="2400" dirty="0">
              <a:latin typeface="72 Condensed" panose="020B0506030000000003" pitchFamily="34" charset="0"/>
              <a:cs typeface="72 Condensed" panose="020B0506030000000003" pitchFamily="34" charset="0"/>
            </a:endParaRPr>
          </a:p>
          <a:p>
            <a:pPr algn="l">
              <a:spcBef>
                <a:spcPts val="600"/>
              </a:spcBef>
            </a:pPr>
            <a:endParaRPr lang="en-US" sz="2400" dirty="0"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D0016DE-264C-4C96-4722-17BED3EAD46C}"/>
              </a:ext>
            </a:extLst>
          </p:cNvPr>
          <p:cNvSpPr txBox="1"/>
          <p:nvPr/>
        </p:nvSpPr>
        <p:spPr bwMode="gray">
          <a:xfrm>
            <a:off x="5418117" y="4447968"/>
            <a:ext cx="2760436" cy="20504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  <a:spcAft>
                <a:spcPts val="300"/>
              </a:spcAft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Try:</a:t>
            </a:r>
          </a:p>
          <a:p>
            <a:pPr algn="l">
              <a:lnSpc>
                <a:spcPts val="2600"/>
              </a:lnSpc>
              <a:spcAft>
                <a:spcPts val="300"/>
              </a:spcAft>
            </a:pP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df.info( )</a:t>
            </a:r>
          </a:p>
          <a:p>
            <a:pPr algn="l">
              <a:lnSpc>
                <a:spcPts val="2600"/>
              </a:lnSpc>
              <a:spcAft>
                <a:spcPts val="3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.count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( )</a:t>
            </a:r>
          </a:p>
          <a:p>
            <a:pPr algn="l">
              <a:lnSpc>
                <a:spcPts val="2600"/>
              </a:lnSpc>
              <a:spcAft>
                <a:spcPts val="3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.columns</a:t>
            </a:r>
            <a:endParaRPr lang="en-US" sz="2000" i="1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algn="l">
              <a:lnSpc>
                <a:spcPts val="2600"/>
              </a:lnSpc>
              <a:spcAft>
                <a:spcPts val="3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.head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( )</a:t>
            </a:r>
          </a:p>
          <a:p>
            <a:pPr algn="l">
              <a:lnSpc>
                <a:spcPts val="2600"/>
              </a:lnSpc>
              <a:spcAft>
                <a:spcPts val="3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.tail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( )</a:t>
            </a:r>
          </a:p>
          <a:p>
            <a:pPr algn="l">
              <a:lnSpc>
                <a:spcPts val="1800"/>
              </a:lnSpc>
            </a:pPr>
            <a:endParaRPr lang="en-US" sz="16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0" name="Picture 9" descr="Chart, histogram&#10;&#10;Description automatically generated">
            <a:extLst>
              <a:ext uri="{FF2B5EF4-FFF2-40B4-BE49-F238E27FC236}">
                <a16:creationId xmlns:a16="http://schemas.microsoft.com/office/drawing/2014/main" id="{2515551B-7454-B6DC-E357-9A4698671370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t="10134" r="8721" b="4985"/>
          <a:stretch/>
        </p:blipFill>
        <p:spPr>
          <a:xfrm>
            <a:off x="7315201" y="4127320"/>
            <a:ext cx="4299385" cy="263816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EE1F7AD9-6060-0E67-245C-86FDDA4282FD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7907565" y="1532666"/>
            <a:ext cx="3375351" cy="2507263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E90D627F-856C-5117-44E7-7DEB8B6B58B8}"/>
              </a:ext>
            </a:extLst>
          </p:cNvPr>
          <p:cNvSpPr txBox="1"/>
          <p:nvPr/>
        </p:nvSpPr>
        <p:spPr bwMode="gray">
          <a:xfrm>
            <a:off x="821369" y="5086750"/>
            <a:ext cx="3489373" cy="80046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  <a:spcAft>
                <a:spcPts val="300"/>
              </a:spcAft>
            </a:pP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Import pandas as pd</a:t>
            </a:r>
          </a:p>
          <a:p>
            <a:pPr algn="l">
              <a:lnSpc>
                <a:spcPts val="2600"/>
              </a:lnSpc>
              <a:spcAft>
                <a:spcPts val="3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 = 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pd.DataFrame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(Data)</a:t>
            </a:r>
          </a:p>
          <a:p>
            <a:pPr algn="l">
              <a:lnSpc>
                <a:spcPts val="2600"/>
              </a:lnSpc>
              <a:spcAft>
                <a:spcPts val="3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.describe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( )</a:t>
            </a:r>
          </a:p>
        </p:txBody>
      </p:sp>
    </p:spTree>
    <p:extLst>
      <p:ext uri="{BB962C8B-B14F-4D97-AF65-F5344CB8AC3E}">
        <p14:creationId xmlns:p14="http://schemas.microsoft.com/office/powerpoint/2010/main" val="24011955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2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A39C439-15AE-4380-93D9-A6C739E35528}"/>
              </a:ext>
            </a:extLst>
          </p:cNvPr>
          <p:cNvSpPr txBox="1"/>
          <p:nvPr/>
        </p:nvSpPr>
        <p:spPr bwMode="gray">
          <a:xfrm>
            <a:off x="584201" y="228966"/>
            <a:ext cx="8080828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000" b="1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EDA &amp; Data Cleaning </a:t>
            </a:r>
            <a:r>
              <a:rPr lang="en-US" sz="2400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(</a:t>
            </a:r>
            <a:r>
              <a:rPr lang="en-US" sz="2400" dirty="0" err="1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contd</a:t>
            </a:r>
            <a:r>
              <a:rPr lang="en-US" sz="2400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…)</a:t>
            </a:r>
            <a:endParaRPr lang="en-US" sz="3000" b="1" dirty="0">
              <a:solidFill>
                <a:srgbClr val="0070C0"/>
              </a:solidFill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A51752B5-B662-4EBC-A24B-A1600EC116A4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187BEB43-C215-E966-CCEB-F3FDC2F80C2A}"/>
              </a:ext>
            </a:extLst>
          </p:cNvPr>
          <p:cNvGraphicFramePr/>
          <p:nvPr/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00B53052-B705-23D1-55AC-18B0D285B20E}"/>
              </a:ext>
            </a:extLst>
          </p:cNvPr>
          <p:cNvSpPr txBox="1"/>
          <p:nvPr/>
        </p:nvSpPr>
        <p:spPr bwMode="gray">
          <a:xfrm>
            <a:off x="584201" y="1063583"/>
            <a:ext cx="3887233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800" dirty="0">
                <a:solidFill>
                  <a:schemeClr val="bg2"/>
                </a:solidFill>
                <a:latin typeface="Bahnschrift SemiCondensed" panose="020B0502040204020203" pitchFamily="34" charset="0"/>
              </a:rPr>
              <a:t>Cleaning Data</a:t>
            </a:r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5E88F9D4-62A4-4B56-6AA3-D537CC12954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67910612"/>
              </p:ext>
            </p:extLst>
          </p:nvPr>
        </p:nvGraphicFramePr>
        <p:xfrm>
          <a:off x="3487000" y="1038226"/>
          <a:ext cx="3157638" cy="2638155"/>
        </p:xfrm>
        <a:graphic>
          <a:graphicData uri="http://schemas.openxmlformats.org/drawingml/2006/table">
            <a:tbl>
              <a:tblPr>
                <a:tableStyleId>{773F8A54-F971-430D-9108-034FE38666EA}</a:tableStyleId>
              </a:tblPr>
              <a:tblGrid>
                <a:gridCol w="580720">
                  <a:extLst>
                    <a:ext uri="{9D8B030D-6E8A-4147-A177-3AD203B41FA5}">
                      <a16:colId xmlns:a16="http://schemas.microsoft.com/office/drawing/2014/main" val="1703184336"/>
                    </a:ext>
                  </a:extLst>
                </a:gridCol>
                <a:gridCol w="900026">
                  <a:extLst>
                    <a:ext uri="{9D8B030D-6E8A-4147-A177-3AD203B41FA5}">
                      <a16:colId xmlns:a16="http://schemas.microsoft.com/office/drawing/2014/main" val="3938482616"/>
                    </a:ext>
                  </a:extLst>
                </a:gridCol>
                <a:gridCol w="814761">
                  <a:extLst>
                    <a:ext uri="{9D8B030D-6E8A-4147-A177-3AD203B41FA5}">
                      <a16:colId xmlns:a16="http://schemas.microsoft.com/office/drawing/2014/main" val="1462680449"/>
                    </a:ext>
                  </a:extLst>
                </a:gridCol>
                <a:gridCol w="862131">
                  <a:extLst>
                    <a:ext uri="{9D8B030D-6E8A-4147-A177-3AD203B41FA5}">
                      <a16:colId xmlns:a16="http://schemas.microsoft.com/office/drawing/2014/main" val="2127226565"/>
                    </a:ext>
                  </a:extLst>
                </a:gridCol>
              </a:tblGrid>
              <a:tr h="349755">
                <a:tc>
                  <a:txBody>
                    <a:bodyPr/>
                    <a:lstStyle/>
                    <a:p>
                      <a:pPr algn="l" fontAlgn="b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Temp.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Dummy</a:t>
                      </a: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Speed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07802274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1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4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en-US" sz="1600" u="none" strike="noStrike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20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94782375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2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2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en-US" sz="1600" u="none" strike="noStrike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27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08949676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3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en-US" sz="1600" u="none" strike="noStrike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en-US" sz="1600" u="none" strike="noStrike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8-mar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65827078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4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3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en-US" sz="1600" u="none" strike="noStrike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-20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080640059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5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en-US" sz="1600" u="none" strike="noStrike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en-US" sz="1600" u="none" strike="noStrike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30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910584145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6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2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en-US" sz="1600" u="none" strike="noStrike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19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155179748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7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4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en-US" sz="1600" u="none" strike="noStrike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22266962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8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3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en-US" sz="1600" u="none" strike="noStrike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24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36932648"/>
                  </a:ext>
                </a:extLst>
              </a:tr>
            </a:tbl>
          </a:graphicData>
        </a:graphic>
      </p:graphicFrame>
      <p:sp>
        <p:nvSpPr>
          <p:cNvPr id="9" name="TextBox 8">
            <a:extLst>
              <a:ext uri="{FF2B5EF4-FFF2-40B4-BE49-F238E27FC236}">
                <a16:creationId xmlns:a16="http://schemas.microsoft.com/office/drawing/2014/main" id="{7D0016DE-264C-4C96-4722-17BED3EAD46C}"/>
              </a:ext>
            </a:extLst>
          </p:cNvPr>
          <p:cNvSpPr txBox="1"/>
          <p:nvPr/>
        </p:nvSpPr>
        <p:spPr bwMode="gray">
          <a:xfrm>
            <a:off x="453574" y="2427684"/>
            <a:ext cx="7150245" cy="409517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lnSpc>
                <a:spcPts val="2600"/>
              </a:lnSpc>
              <a:spcAft>
                <a:spcPts val="300"/>
              </a:spcAft>
            </a:pPr>
            <a:r>
              <a:rPr lang="en-US" sz="2400" b="1" dirty="0">
                <a:highlight>
                  <a:srgbClr val="FFFF00"/>
                </a:highlight>
                <a:latin typeface="72 Condensed" panose="020B0506030000000003" pitchFamily="34" charset="0"/>
                <a:cs typeface="72 Condensed" panose="020B0506030000000003" pitchFamily="34" charset="0"/>
              </a:rPr>
              <a:t>Try:</a:t>
            </a:r>
          </a:p>
          <a:p>
            <a:pPr>
              <a:lnSpc>
                <a:spcPts val="2600"/>
              </a:lnSpc>
              <a:spcAft>
                <a:spcPts val="3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.isnull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( ).sum( )</a:t>
            </a:r>
          </a:p>
          <a:p>
            <a:pPr algn="l">
              <a:lnSpc>
                <a:spcPts val="2600"/>
              </a:lnSpc>
              <a:spcAft>
                <a:spcPts val="3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.dropna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(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inplace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 = True)</a:t>
            </a:r>
          </a:p>
          <a:p>
            <a:pPr algn="l">
              <a:lnSpc>
                <a:spcPts val="2600"/>
              </a:lnSpc>
              <a:spcAft>
                <a:spcPts val="300"/>
              </a:spcAft>
            </a:pPr>
            <a:endParaRPr lang="en-US" sz="2000" i="1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lnSpc>
                <a:spcPts val="2600"/>
              </a:lnSpc>
              <a:spcAft>
                <a:spcPts val="300"/>
              </a:spcAft>
            </a:pPr>
            <a:r>
              <a:rPr lang="nn-NO" sz="2000" i="1" dirty="0">
                <a:latin typeface="Arial" panose="020B0604020202020204" pitchFamily="34" charset="0"/>
                <a:cs typeface="Arial" panose="020B0604020202020204" pitchFamily="34" charset="0"/>
              </a:rPr>
              <a:t>df = df.drop([‘Dummy'], axis=1)</a:t>
            </a:r>
            <a:endParaRPr lang="en-US" sz="2000" i="1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algn="l">
              <a:lnSpc>
                <a:spcPts val="2600"/>
              </a:lnSpc>
              <a:spcAft>
                <a:spcPts val="300"/>
              </a:spcAft>
            </a:pPr>
            <a:endParaRPr lang="en-US" sz="2000" i="1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lnSpc>
                <a:spcPts val="2400"/>
              </a:lnSpc>
              <a:spcAft>
                <a:spcPts val="6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.drop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( 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.index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[ 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[‘Speed’]  &lt;  0], 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inplace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=True)</a:t>
            </a:r>
          </a:p>
          <a:p>
            <a:pPr>
              <a:lnSpc>
                <a:spcPts val="2400"/>
              </a:lnSpc>
              <a:spcAft>
                <a:spcPts val="6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[‘Temp.’].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fillna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( value = 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. [‘Temp.’].mean( ), 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inplace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=True)</a:t>
            </a:r>
          </a:p>
          <a:p>
            <a:pPr algn="l">
              <a:lnSpc>
                <a:spcPts val="2400"/>
              </a:lnSpc>
              <a:spcAft>
                <a:spcPts val="6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.replace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(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to_replace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 = 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np.nan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, value = mean)</a:t>
            </a:r>
          </a:p>
          <a:p>
            <a:pPr>
              <a:lnSpc>
                <a:spcPts val="2400"/>
              </a:lnSpc>
              <a:spcAft>
                <a:spcPts val="6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[‘Speed’].replace(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to_replace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 = 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[‘Speed’]&lt;0, value = 0)</a:t>
            </a:r>
          </a:p>
          <a:p>
            <a:pPr>
              <a:lnSpc>
                <a:spcPts val="2400"/>
              </a:lnSpc>
              <a:spcAft>
                <a:spcPts val="600"/>
              </a:spcAft>
            </a:pP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[‘Speed’].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iloc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[</a:t>
            </a:r>
            <a:r>
              <a:rPr lang="en-US" sz="2000" i="1" dirty="0" err="1">
                <a:latin typeface="Arial" panose="020B0604020202020204" pitchFamily="34" charset="0"/>
                <a:cs typeface="Arial" panose="020B0604020202020204" pitchFamily="34" charset="0"/>
              </a:rPr>
              <a:t>df</a:t>
            </a:r>
            <a:r>
              <a:rPr lang="en-US" sz="2000" i="1" dirty="0">
                <a:latin typeface="Arial" panose="020B0604020202020204" pitchFamily="34" charset="0"/>
                <a:cs typeface="Arial" panose="020B0604020202020204" pitchFamily="34" charset="0"/>
              </a:rPr>
              <a:t>[‘Speed’]&lt;0] = 0 </a:t>
            </a:r>
          </a:p>
          <a:p>
            <a:pPr algn="l">
              <a:lnSpc>
                <a:spcPts val="1800"/>
              </a:lnSpc>
            </a:pPr>
            <a:endParaRPr lang="en-US" sz="2000" dirty="0">
              <a:latin typeface="72 Condensed" panose="020B0506030000000003" pitchFamily="34" charset="0"/>
              <a:cs typeface="72 Condensed" panose="020B0506030000000003" pitchFamily="34" charset="0"/>
            </a:endParaRPr>
          </a:p>
        </p:txBody>
      </p:sp>
      <p:graphicFrame>
        <p:nvGraphicFramePr>
          <p:cNvPr id="13" name="Table 12">
            <a:extLst>
              <a:ext uri="{FF2B5EF4-FFF2-40B4-BE49-F238E27FC236}">
                <a16:creationId xmlns:a16="http://schemas.microsoft.com/office/drawing/2014/main" id="{6477CEDC-ECE0-4C39-3441-22B55493CE0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2688605"/>
              </p:ext>
            </p:extLst>
          </p:nvPr>
        </p:nvGraphicFramePr>
        <p:xfrm>
          <a:off x="6920796" y="1466020"/>
          <a:ext cx="2136120" cy="1493955"/>
        </p:xfrm>
        <a:graphic>
          <a:graphicData uri="http://schemas.openxmlformats.org/drawingml/2006/table">
            <a:tbl>
              <a:tblPr>
                <a:tableStyleId>{773F8A54-F971-430D-9108-034FE38666EA}</a:tableStyleId>
              </a:tblPr>
              <a:tblGrid>
                <a:gridCol w="529471">
                  <a:extLst>
                    <a:ext uri="{9D8B030D-6E8A-4147-A177-3AD203B41FA5}">
                      <a16:colId xmlns:a16="http://schemas.microsoft.com/office/drawing/2014/main" val="1703184336"/>
                    </a:ext>
                  </a:extLst>
                </a:gridCol>
                <a:gridCol w="820600">
                  <a:extLst>
                    <a:ext uri="{9D8B030D-6E8A-4147-A177-3AD203B41FA5}">
                      <a16:colId xmlns:a16="http://schemas.microsoft.com/office/drawing/2014/main" val="3938482616"/>
                    </a:ext>
                  </a:extLst>
                </a:gridCol>
                <a:gridCol w="786049">
                  <a:extLst>
                    <a:ext uri="{9D8B030D-6E8A-4147-A177-3AD203B41FA5}">
                      <a16:colId xmlns:a16="http://schemas.microsoft.com/office/drawing/2014/main" val="2127226565"/>
                    </a:ext>
                  </a:extLst>
                </a:gridCol>
              </a:tblGrid>
              <a:tr h="349755">
                <a:tc>
                  <a:txBody>
                    <a:bodyPr/>
                    <a:lstStyle/>
                    <a:p>
                      <a:pPr algn="l" fontAlgn="b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Temp.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Speed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07802274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1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4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20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94782375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2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2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27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08949676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6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2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19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155179748"/>
                  </a:ext>
                </a:extLst>
              </a:tr>
              <a:tr h="286050">
                <a:tc>
                  <a:txBody>
                    <a:bodyPr/>
                    <a:lstStyle/>
                    <a:p>
                      <a:pPr algn="ctr" fontAlgn="t"/>
                      <a:r>
                        <a:rPr lang="en-US" sz="1600" b="1" u="none" strike="noStrike" dirty="0">
                          <a:effectLst/>
                        </a:rPr>
                        <a:t>8</a:t>
                      </a:r>
                      <a:endParaRPr lang="en-US" sz="1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3</a:t>
                      </a: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24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443" marR="5443" marT="5443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36932648"/>
                  </a:ext>
                </a:extLst>
              </a:tr>
            </a:tbl>
          </a:graphicData>
        </a:graphic>
      </p:graphicFrame>
      <p:sp>
        <p:nvSpPr>
          <p:cNvPr id="14" name="TextBox 13">
            <a:extLst>
              <a:ext uri="{FF2B5EF4-FFF2-40B4-BE49-F238E27FC236}">
                <a16:creationId xmlns:a16="http://schemas.microsoft.com/office/drawing/2014/main" id="{BA1675EF-8427-D1EC-352E-1C04F44D9FA0}"/>
              </a:ext>
            </a:extLst>
          </p:cNvPr>
          <p:cNvSpPr txBox="1"/>
          <p:nvPr/>
        </p:nvSpPr>
        <p:spPr bwMode="gray">
          <a:xfrm>
            <a:off x="535420" y="1656972"/>
            <a:ext cx="3887233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Data before cleaning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39993F22-56CD-A60B-ECD4-D187F5774713}"/>
              </a:ext>
            </a:extLst>
          </p:cNvPr>
          <p:cNvSpPr txBox="1"/>
          <p:nvPr/>
        </p:nvSpPr>
        <p:spPr bwMode="gray">
          <a:xfrm>
            <a:off x="6899024" y="1017588"/>
            <a:ext cx="3887233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0070C0"/>
                </a:solidFill>
                <a:latin typeface="Bahnschrift SemiCondensed" panose="020B0502040204020203" pitchFamily="34" charset="0"/>
              </a:rPr>
              <a:t>Data after little cleaning</a:t>
            </a:r>
          </a:p>
        </p:txBody>
      </p:sp>
      <p:pic>
        <p:nvPicPr>
          <p:cNvPr id="16" name="Picture 15" descr="Chart, histogram&#10;&#10;Description automatically generated">
            <a:extLst>
              <a:ext uri="{FF2B5EF4-FFF2-40B4-BE49-F238E27FC236}">
                <a16:creationId xmlns:a16="http://schemas.microsoft.com/office/drawing/2014/main" id="{511C01F3-8339-6CA4-14D2-066E12CCD989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t="10134" r="8721" b="4985"/>
          <a:stretch/>
        </p:blipFill>
        <p:spPr>
          <a:xfrm>
            <a:off x="7538505" y="4050219"/>
            <a:ext cx="4109212" cy="2521467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14B5765D-4CE1-C839-6D17-091CFE348FE3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337566" y="1478905"/>
            <a:ext cx="2683896" cy="1993640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EEA9E8DE-C886-D285-6526-5DE00C5F46C6}"/>
              </a:ext>
            </a:extLst>
          </p:cNvPr>
          <p:cNvSpPr txBox="1"/>
          <p:nvPr/>
        </p:nvSpPr>
        <p:spPr bwMode="gray">
          <a:xfrm>
            <a:off x="7429644" y="3576599"/>
            <a:ext cx="3887233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rgbClr val="00B050"/>
                </a:solidFill>
                <a:latin typeface="Bahnschrift SemiCondensed" panose="020B0502040204020203" pitchFamily="34" charset="0"/>
              </a:rPr>
              <a:t>Remember to use plots</a:t>
            </a:r>
          </a:p>
        </p:txBody>
      </p:sp>
    </p:spTree>
    <p:extLst>
      <p:ext uri="{BB962C8B-B14F-4D97-AF65-F5344CB8AC3E}">
        <p14:creationId xmlns:p14="http://schemas.microsoft.com/office/powerpoint/2010/main" val="4426303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500"/>
                            </p:stCondLst>
                            <p:childTnLst>
                              <p:par>
                                <p:cTn id="30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3" fill="hold">
                            <p:stCondLst>
                              <p:cond delay="1000"/>
                            </p:stCondLst>
                            <p:childTnLst>
                              <p:par>
                                <p:cTn id="34" presetID="14" presetClass="entr" presetSubtype="1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36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4" grpId="0"/>
      <p:bldP spid="15" grpId="0"/>
      <p:bldP spid="18" grpId="0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A51752B5-B662-4EBC-A24B-A1600EC116A4}"/>
              </a:ext>
            </a:extLst>
          </p:cNvPr>
          <p:cNvCxnSpPr>
            <a:cxnSpLocks/>
          </p:cNvCxnSpPr>
          <p:nvPr/>
        </p:nvCxnSpPr>
        <p:spPr bwMode="gray">
          <a:xfrm>
            <a:off x="-10886" y="952029"/>
            <a:ext cx="12202886" cy="0"/>
          </a:xfrm>
          <a:prstGeom prst="line">
            <a:avLst/>
          </a:prstGeom>
          <a:ln w="12700">
            <a:solidFill>
              <a:schemeClr val="tx1">
                <a:lumMod val="95000"/>
                <a:lumOff val="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187BEB43-C215-E966-CCEB-F3FDC2F80C2A}"/>
              </a:ext>
            </a:extLst>
          </p:cNvPr>
          <p:cNvGraphicFramePr/>
          <p:nvPr/>
        </p:nvGraphicFramePr>
        <p:xfrm>
          <a:off x="5257800" y="117419"/>
          <a:ext cx="6847114" cy="7121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00B53052-B705-23D1-55AC-18B0D285B20E}"/>
              </a:ext>
            </a:extLst>
          </p:cNvPr>
          <p:cNvSpPr txBox="1"/>
          <p:nvPr/>
        </p:nvSpPr>
        <p:spPr bwMode="gray">
          <a:xfrm>
            <a:off x="3726405" y="3185708"/>
            <a:ext cx="4954952" cy="48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dirty="0">
                <a:solidFill>
                  <a:schemeClr val="bg2"/>
                </a:solidFill>
                <a:latin typeface="Bahnschrift SemiCondensed" panose="020B0502040204020203" pitchFamily="34" charset="0"/>
              </a:rPr>
              <a:t>Hands-on Demo in Python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3BEF784F-0FAD-02FD-A316-DCB50D21A872}"/>
              </a:ext>
            </a:extLst>
          </p:cNvPr>
          <p:cNvSpPr txBox="1"/>
          <p:nvPr/>
        </p:nvSpPr>
        <p:spPr bwMode="gray">
          <a:xfrm>
            <a:off x="584201" y="228966"/>
            <a:ext cx="8080828" cy="71217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36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Step 2 </a:t>
            </a:r>
            <a:r>
              <a:rPr lang="en-US" sz="3000" b="1" dirty="0">
                <a:solidFill>
                  <a:schemeClr val="tx2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:  </a:t>
            </a:r>
            <a:r>
              <a:rPr lang="en-US" sz="3000" b="1" dirty="0">
                <a:solidFill>
                  <a:srgbClr val="0070C0"/>
                </a:solidFill>
                <a:latin typeface="72 Condensed" panose="020B0506030000000003" pitchFamily="34" charset="0"/>
                <a:cs typeface="72 Condensed" panose="020B0506030000000003" pitchFamily="34" charset="0"/>
              </a:rPr>
              <a:t>EDA &amp; Data Cleaning</a:t>
            </a:r>
          </a:p>
        </p:txBody>
      </p:sp>
    </p:spTree>
    <p:extLst>
      <p:ext uri="{BB962C8B-B14F-4D97-AF65-F5344CB8AC3E}">
        <p14:creationId xmlns:p14="http://schemas.microsoft.com/office/powerpoint/2010/main" val="39780027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_rels/theme2.xml.rels><?xml version="1.0" encoding="UTF-8" standalone="yes"?>
<Relationships xmlns="http://schemas.openxmlformats.org/package/2006/relationships"><Relationship Id="rId1" Type="http://schemas.openxmlformats.org/officeDocument/2006/relationships/image" Target="../media/image19.jpeg"/></Relationships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Damask">
  <a:themeElements>
    <a:clrScheme name="Damask">
      <a:dk1>
        <a:sysClr val="windowText" lastClr="000000"/>
      </a:dk1>
      <a:lt1>
        <a:sysClr val="window" lastClr="FFFFFF"/>
      </a:lt1>
      <a:dk2>
        <a:srgbClr val="2A5B7F"/>
      </a:dk2>
      <a:lt2>
        <a:srgbClr val="ABDAFC"/>
      </a:lt2>
      <a:accent1>
        <a:srgbClr val="9EC544"/>
      </a:accent1>
      <a:accent2>
        <a:srgbClr val="50BEA3"/>
      </a:accent2>
      <a:accent3>
        <a:srgbClr val="4A9CCC"/>
      </a:accent3>
      <a:accent4>
        <a:srgbClr val="9A66CA"/>
      </a:accent4>
      <a:accent5>
        <a:srgbClr val="C54F71"/>
      </a:accent5>
      <a:accent6>
        <a:srgbClr val="DE9C3C"/>
      </a:accent6>
      <a:hlink>
        <a:srgbClr val="6BA9DA"/>
      </a:hlink>
      <a:folHlink>
        <a:srgbClr val="A0BCD3"/>
      </a:folHlink>
    </a:clrScheme>
    <a:fontScheme name="Damask">
      <a:majorFont>
        <a:latin typeface="Bookman Old Style" panose="0205060405050502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Rockwell" panose="02060603020205020403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Damask">
      <a:fillStyleLst>
        <a:solidFill>
          <a:schemeClr val="phClr"/>
        </a:solidFill>
        <a:gradFill rotWithShape="1">
          <a:gsLst>
            <a:gs pos="0">
              <a:schemeClr val="phClr">
                <a:tint val="48000"/>
                <a:satMod val="105000"/>
                <a:lumMod val="110000"/>
              </a:schemeClr>
            </a:gs>
            <a:gs pos="100000">
              <a:schemeClr val="phClr">
                <a:tint val="78000"/>
                <a:satMod val="109000"/>
                <a:lumMod val="10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4000"/>
                <a:satMod val="100000"/>
                <a:lumMod val="104000"/>
              </a:schemeClr>
            </a:gs>
            <a:gs pos="69000">
              <a:schemeClr val="phClr">
                <a:shade val="86000"/>
                <a:satMod val="130000"/>
                <a:lumMod val="102000"/>
              </a:schemeClr>
            </a:gs>
            <a:gs pos="100000">
              <a:schemeClr val="phClr">
                <a:shade val="72000"/>
                <a:satMod val="130000"/>
                <a:lumMod val="100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50800" dist="38100" dir="5400000" sy="96000" rotWithShape="0">
              <a:srgbClr val="000000">
                <a:alpha val="54000"/>
              </a:srgbClr>
            </a:outerShdw>
          </a:effectLst>
        </a:effectStyle>
        <a:effectStyle>
          <a:effectLst>
            <a:outerShdw blurRad="76200" dist="38100" dir="5400000" algn="ctr" rotWithShape="0">
              <a:srgbClr val="000000">
                <a:alpha val="76000"/>
              </a:srgbClr>
            </a:outerShdw>
          </a:effectLst>
          <a:scene3d>
            <a:camera prst="orthographicFront">
              <a:rot lat="0" lon="0" rev="0"/>
            </a:camera>
            <a:lightRig rig="balanced" dir="t"/>
          </a:scene3d>
          <a:sp3d prstMaterial="matte">
            <a:bevelT w="25400" h="25400" prst="relaxedInse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blipFill rotWithShape="1">
          <a:blip xmlns:r="http://schemas.openxmlformats.org/officeDocument/2006/relationships" r:embed="rId1">
            <a:duotone>
              <a:schemeClr val="phClr">
                <a:shade val="18000"/>
                <a:satMod val="160000"/>
                <a:lumMod val="28000"/>
              </a:schemeClr>
              <a:schemeClr val="phClr">
                <a:tint val="95000"/>
                <a:satMod val="160000"/>
                <a:lumMod val="116000"/>
              </a:schemeClr>
            </a:duotone>
          </a:blip>
          <a:stretch/>
        </a:blip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Damask" id="{F9A299A0-33D0-4E0F-9F3F-7163E3744208}" vid="{746EEEEA-FB6A-406B-B510-531588D54811}"/>
    </a:ext>
  </a:extLst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14" ma:contentTypeDescription="Create a new document." ma:contentTypeScope="" ma:versionID="0694ed6560b4d68fd2258058578bfe67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b4b73693cc3544202ebf313935559928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 minOccurs="0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 minOccurs="0"/>
                <xsd:element ref="ns2:ABB_Coll_LifecycleStatus" minOccurs="0"/>
                <xsd:element ref="ns2:o8cb8facb2054f9d919ea0674048ef40" minOccurs="0"/>
                <xsd:element ref="ns2:ABB_Coll_PreparedByPerson" minOccurs="0"/>
                <xsd:element ref="ns2:ABB_Coll_PreparedDate" minOccurs="0"/>
                <xsd:element ref="ns2:ABB_Coll_SecurityLevel" minOccurs="0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nillable="true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nillable="true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nillable="true" ma:displayName="Revision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nillable="true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nillable="true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nillable="true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nillable="true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],"formDataEntries":[]}]]></TemplafySlideFormConfiguration>
</file>

<file path=customXml/item1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2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/>
    </True>
  </Cmd>
</Update>
</file>

<file path=customXml/item13.xml><?xml version="1.0" encoding="utf-8"?>
<TemplafyFormConfiguration><![CDATA[{"formFields":[{"required":false,"placeholder":"","lines":1,"defaultValue":"","shareValue":false,"type":"textBox","name":"DocumentID","label":"Document ID"},{"required":false,"maxLength":10,"placeholder":"","lines":1,"defaultValue":"","shareValue":false,"type":"textBox","name":"Revision","label":"Revis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{"name":"SecurityLevel","value":"AjUfbU7fcmJ9ahnATTBBemZ2fau3JMwZtl4s3Acf4Qc="}]}]]></TemplafyFormConfiguration>
</file>

<file path=customXml/item14.xml><?xml version="1.0" encoding="utf-8"?>
<TemplafySlideTemplateConfiguration><![CDATA[{"slideVersion":1,"isValidatorEnabled":false,"isLocked":false,"elementsMetadata":[],"slideId":"638029931214132387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>Not Defined</Notes1>
    <TaxCatchAll xmlns="71d29222-2c5f-45ad-9aa5-4c2d15fddbe9">
      <Value>64</Value>
      <Value>3</Value>
    </TaxCatchAll>
    <ABB_Coll_DocumentRevisionId xmlns="71d29222-2c5f-45ad-9aa5-4c2d15fddbe9" xsi:nil="true"/>
    <CombinedDocumentId xmlns="71d29222-2c5f-45ad-9aa5-4c2d15fddbe9">Not Defined</CombinedDocumentId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aa</TermName>
          <TermId xmlns="http://schemas.microsoft.com/office/infopath/2007/PartnerControls">e23899c8-0e6b-4ae8-b520-324f014d1297</TermId>
        </TermInfo>
      </Terms>
    </o8cb8facb2054f9d919ea0674048ef40>
    <ABB_Coll_LifecycleStatus xmlns="71d29222-2c5f-45ad-9aa5-4c2d15fddbe9">In Review</ABB_Coll_LifecycleStatus>
    <ABB_Coll_RevisionText xmlns="71d29222-2c5f-45ad-9aa5-4c2d15fddbe9">Not Defined</ABB_Coll_RevisionText>
    <BasedOnDocumentPartId xmlns="71d29222-2c5f-45ad-9aa5-4c2d15fddbe9">Not Defined</BasedOnDocumentPartId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oster</TermName>
          <TermId xmlns="http://schemas.microsoft.com/office/infopath/2007/PartnerControls">dcbbc32f-abbe-4932-8b4b-5b9f6cc5a91e</TermId>
        </TermInfo>
      </Terms>
    </na4369807a744182aff6832bcef961df>
    <ABB_Coll_ApprovedByPerson xmlns="71d29222-2c5f-45ad-9aa5-4c2d15fddbe9">Not Defined</ABB_Coll_ApprovedByPerson>
    <ABB_Coll_OwningOrganization xmlns="71d29222-2c5f-45ad-9aa5-4c2d15fddbe9">Not Defined</ABB_Coll_OwningOrganization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>Not Defined</ABB_Coll_DocumentPartID>
    <ABB_Coll_DocumentId xmlns="71d29222-2c5f-45ad-9aa5-4c2d15fddbe9" xsi:nil="true"/>
    <ABB_Coll_RetentionDate xmlns="71d29222-2c5f-45ad-9aa5-4c2d15fddbe9">2022-11-01T23:00:00+00:00</ABB_Coll_RetentionDate>
    <ABB_Coll_TitleEnglish xmlns="71d29222-2c5f-45ad-9aa5-4c2d15fddbe9">Not Defined</ABB_Coll_TitleEnglish>
    <SupplementaryTitle xmlns="71d29222-2c5f-45ad-9aa5-4c2d15fddbe9">Not Defined</SupplementaryTitle>
    <ABB_Coll_PreparedByPerson xmlns="71d29222-2c5f-45ad-9aa5-4c2d15fddbe9">Not Defined</ABB_Coll_PreparedByPerson>
    <ABB_Coll_PreparedDate xmlns="71d29222-2c5f-45ad-9aa5-4c2d15fddbe9">2022-10-25T22:00:00+00:00</ABB_Coll_PreparedDate>
    <ABB_Coll_ApprovalDate xmlns="71d29222-2c5f-45ad-9aa5-4c2d15fddbe9">2022-10-26T22:00:00+00:00</ABB_Coll_ApprovalDate>
    <BasedOnRevisionId xmlns="71d29222-2c5f-45ad-9aa5-4c2d15fddbe9">Not Defined</BasedOnRevisionId>
  </documentManagement>
</p:properties>
</file>

<file path=customXml/item3.xml><?xml version="1.0" encoding="utf-8"?>
<TemplafySlideTemplateConfiguration><![CDATA[{"slideVersion":1,"isValidatorEnabled":false,"isLocked":false,"elementsMetadata":[],"slideId":"638007365172284243","enableDocumentContentUpdater":false,"version":"2.0"}]]></TemplafySlideTemplateConfiguration>
</file>

<file path=customXml/item4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5.xml><?xml version="1.0" encoding="utf-8"?>
<TemplafySlideTemplateConfiguration><![CDATA[{"slideVersion":1,"isValidatorEnabled":false,"isLocked":false,"elementsMetadata":[{"elementConfiguration":{"width":"4.25 cm","height":"0.7 cm","image":"{{Form.SecurityLevel.Classification}}","disableUpdates":false,"type":"image"},"type":"shape"}],"slideId":"638007365172177165","enableDocumentContentUpdater":false,"version":"2.0"}]]></TemplafySlideTemplateConfiguration>
</file>

<file path=customXml/item6.xml><?xml version="1.0" encoding="utf-8"?>
<TemplafyTemplateConfiguration><![CDATA[{"elementsMetadata":[{"elementConfiguration":{"width":"4.25 cm","height":"0.7 cm","image":"{{Form.SecurityLevel.Classification}}","disableUpdates":false,"type":"image"},"type":"shape","id":"91694272-541e-46a7-8459-38ed35badf42"},{"elementConfiguration":{"width":"4.25 cm","height":"0.7 cm","image":"{{Form.SecurityLevel.Classification}}","disableUpdates":false,"type":"image"},"type":"shape","id":"1b7108b3-9e3a-4034-aeba-b83c9ae9212f"},{"elementConfiguration":{"width":"4.25 cm","height":"0.7 cm","image":"{{Form.SecurityLevel.Classification}}","disableUpdates":false,"type":"image"},"type":"shape","id":"fe5cc0e6-1b24-44ec-a917-193a4a21ab59"},{"elementConfiguration":{"width":"4.25 cm","height":"0.7 cm","image":"{{Form.SecurityLevel.Classification}}","disableUpdates":false,"type":"image"},"type":"shape","id":"4933a7d1-d29a-4402-bfb1-f16b1c7d7cb3"},{"elementConfiguration":{"width":"4.25 cm","height":"0.7 cm","image":"{{Form.SecurityLevel.Classification}}","disableUpdates":false,"type":"image"},"type":"shape","id":"ecc09601-d23c-4c3e-83c3-018f911f9dd4"},{"elementConfiguration":{"width":"4.25 cm","height":"0.7 cm","image":"{{Form.SecurityLevel.Classification}}","disableUpdates":false,"type":"image"},"type":"shape","id":"7538dc0f-9df2-48ff-8a59-5eb7ba25772e"}],"transformationConfigurations":[{"binding":"{{Form.DocumentID}}","namespace":"http://schemas.microsoft.com/office/2006/metadata/properties","path":"/p:properties/documentManagement/*[local-name()=\"ABB_Coll_DocumentId\"]","disableUpdates":false,"type":"customXmlValue"},{"binding":"{{Form.Revision}}","namespace":"http://schemas.microsoft.com/office/2006/metadata/properties","path":"/p:properties/documentManagement/*[local-name()=\"ABB_Coll_DocumentRevisionId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],"templateName":"ABB - Blank with Dynamics - 20221102","templateDescription":"","enableDocumentContentUpdater":true,"version":"2.0"}]]></TemplafyTemplateConfiguration>
</file>

<file path=customXml/item7.xml><?xml version="1.0" encoding="utf-8"?>
<TemplafySlideTemplateConfiguration><![CDATA[{"slideVersion":1,"isValidatorEnabled":false,"isLocked":false,"elementsMetadata":[],"slideId":"638007365172262424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Props1.xml><?xml version="1.0" encoding="utf-8"?>
<ds:datastoreItem xmlns:ds="http://schemas.openxmlformats.org/officeDocument/2006/customXml" ds:itemID="{2D15A0B6-DC40-4D8B-86F2-0CB1E1224CD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3852D14C-8C3D-4AA7-B8B3-DC72E44BEE61}">
  <ds:schemaRefs/>
</ds:datastoreItem>
</file>

<file path=customXml/itemProps11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12.xml><?xml version="1.0" encoding="utf-8"?>
<ds:datastoreItem xmlns:ds="http://schemas.openxmlformats.org/officeDocument/2006/customXml" ds:itemID="{FC702D5D-20C9-4646-A9EE-24CAFD79F5B7}">
  <ds:schemaRefs/>
</ds:datastoreItem>
</file>

<file path=customXml/itemProps13.xml><?xml version="1.0" encoding="utf-8"?>
<ds:datastoreItem xmlns:ds="http://schemas.openxmlformats.org/officeDocument/2006/customXml" ds:itemID="{88746BAB-2507-4F3A-B16E-ED38367EE530}">
  <ds:schemaRefs/>
</ds:datastoreItem>
</file>

<file path=customXml/itemProps14.xml><?xml version="1.0" encoding="utf-8"?>
<ds:datastoreItem xmlns:ds="http://schemas.openxmlformats.org/officeDocument/2006/customXml" ds:itemID="{56013A6D-42EE-44D3-ABF6-1666C2DC03B2}">
  <ds:schemaRefs/>
</ds:datastoreItem>
</file>

<file path=customXml/itemProps15.xml><?xml version="1.0" encoding="utf-8"?>
<ds:datastoreItem xmlns:ds="http://schemas.openxmlformats.org/officeDocument/2006/customXml" ds:itemID="{C88AB898-CDCD-4329-9E31-77961841669F}">
  <ds:schemaRefs/>
</ds:datastoreItem>
</file>

<file path=customXml/itemProps2.xml><?xml version="1.0" encoding="utf-8"?>
<ds:datastoreItem xmlns:ds="http://schemas.openxmlformats.org/officeDocument/2006/customXml" ds:itemID="{37720CFA-E0FC-41F9-BAB8-A1DB95044457}">
  <ds:schemaRefs>
    <ds:schemaRef ds:uri="http://schemas.microsoft.com/office/2006/metadata/properties"/>
    <ds:schemaRef ds:uri="http://schemas.microsoft.com/office/infopath/2007/PartnerControls"/>
    <ds:schemaRef ds:uri="71d29222-2c5f-45ad-9aa5-4c2d15fddbe9"/>
  </ds:schemaRefs>
</ds:datastoreItem>
</file>

<file path=customXml/itemProps3.xml><?xml version="1.0" encoding="utf-8"?>
<ds:datastoreItem xmlns:ds="http://schemas.openxmlformats.org/officeDocument/2006/customXml" ds:itemID="{DD3C33AD-792D-4526-B706-A09FEA4C6707}">
  <ds:schemaRefs/>
</ds:datastoreItem>
</file>

<file path=customXml/itemProps4.xml><?xml version="1.0" encoding="utf-8"?>
<ds:datastoreItem xmlns:ds="http://schemas.openxmlformats.org/officeDocument/2006/customXml" ds:itemID="{3ECD800E-71F1-48A7-95FD-4E027165EBAE}">
  <ds:schemaRefs/>
</ds:datastoreItem>
</file>

<file path=customXml/itemProps5.xml><?xml version="1.0" encoding="utf-8"?>
<ds:datastoreItem xmlns:ds="http://schemas.openxmlformats.org/officeDocument/2006/customXml" ds:itemID="{583016FA-8CF4-49F0-B3A3-2E0DED7C71BA}">
  <ds:schemaRefs/>
</ds:datastoreItem>
</file>

<file path=customXml/itemProps6.xml><?xml version="1.0" encoding="utf-8"?>
<ds:datastoreItem xmlns:ds="http://schemas.openxmlformats.org/officeDocument/2006/customXml" ds:itemID="{D2280EEE-F7B5-4B82-8B3F-6C5291CE43BF}">
  <ds:schemaRefs/>
</ds:datastoreItem>
</file>

<file path=customXml/itemProps7.xml><?xml version="1.0" encoding="utf-8"?>
<ds:datastoreItem xmlns:ds="http://schemas.openxmlformats.org/officeDocument/2006/customXml" ds:itemID="{A15A367D-AA48-4613-AF92-0DA9B3A69735}">
  <ds:schemaRefs/>
</ds:datastoreItem>
</file>

<file path=customXml/itemProps8.xml><?xml version="1.0" encoding="utf-8"?>
<ds:datastoreItem xmlns:ds="http://schemas.openxmlformats.org/officeDocument/2006/customXml" ds:itemID="{55E46940-6434-4A2E-97B3-DE85BC1783F5}">
  <ds:schemaRefs/>
</ds:datastoreItem>
</file>

<file path=customXml/itemProps9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22426</TotalTime>
  <Words>2230</Words>
  <Application>Microsoft Office PowerPoint</Application>
  <PresentationFormat>Widescreen</PresentationFormat>
  <Paragraphs>763</Paragraphs>
  <Slides>2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12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28</vt:i4>
      </vt:variant>
    </vt:vector>
  </HeadingPairs>
  <TitlesOfParts>
    <vt:vector size="42" baseType="lpstr">
      <vt:lpstr>72 Condensed</vt:lpstr>
      <vt:lpstr>ABBvoice</vt:lpstr>
      <vt:lpstr>ABBvoice Light</vt:lpstr>
      <vt:lpstr>ABBvoiceOffice</vt:lpstr>
      <vt:lpstr>Arial</vt:lpstr>
      <vt:lpstr>Bahnschrift SemiCondensed</vt:lpstr>
      <vt:lpstr>Bookman Old Style</vt:lpstr>
      <vt:lpstr>Calibri</vt:lpstr>
      <vt:lpstr>Cambria Math</vt:lpstr>
      <vt:lpstr>Rockwell</vt:lpstr>
      <vt:lpstr>Symbol</vt:lpstr>
      <vt:lpstr>Wingdings</vt:lpstr>
      <vt:lpstr>ABB Master</vt:lpstr>
      <vt:lpstr>Damask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Bhanu Chander V</dc:creator>
  <cp:lastModifiedBy>Bhanu Chander V</cp:lastModifiedBy>
  <cp:revision>3</cp:revision>
  <dcterms:created xsi:type="dcterms:W3CDTF">2023-01-16T10:50:34Z</dcterms:created>
  <dcterms:modified xsi:type="dcterms:W3CDTF">2024-07-05T06:10:3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11-02T13:38:41</vt:lpwstr>
  </property>
  <property fmtid="{D5CDD505-2E9C-101B-9397-08002B2CF9AE}" pid="3" name="ContentTypeId">
    <vt:lpwstr>0x010100C73238EC1C55483BBB279E4E8C27D02E0100BB91C0F054DFB449B6CF054D7AD1ED9E</vt:lpwstr>
  </property>
  <property fmtid="{D5CDD505-2E9C-101B-9397-08002B2CF9AE}" pid="4" name="ABB_Coll_LanguageCode">
    <vt:lpwstr>3;#aa|e23899c8-0e6b-4ae8-b520-324f014d1297</vt:lpwstr>
  </property>
  <property fmtid="{D5CDD505-2E9C-101B-9397-08002B2CF9AE}" pid="5" name="ABB_Coll_DocumentKind">
    <vt:lpwstr>64;#Poster|dcbbc32f-abbe-4932-8b4b-5b9f6cc5a91e</vt:lpwstr>
  </property>
  <property fmtid="{D5CDD505-2E9C-101B-9397-08002B2CF9AE}" pid="6" name="TemplafyTenantId">
    <vt:lpwstr>abb</vt:lpwstr>
  </property>
  <property fmtid="{D5CDD505-2E9C-101B-9397-08002B2CF9AE}" pid="7" name="TemplafyTemplateId">
    <vt:lpwstr>638029931201746290</vt:lpwstr>
  </property>
  <property fmtid="{D5CDD505-2E9C-101B-9397-08002B2CF9AE}" pid="8" name="TemplafyUserProfileId">
    <vt:lpwstr>638061804630838539</vt:lpwstr>
  </property>
  <property fmtid="{D5CDD505-2E9C-101B-9397-08002B2CF9AE}" pid="9" name="TemplafyLanguageCode">
    <vt:lpwstr>en-US</vt:lpwstr>
  </property>
  <property fmtid="{D5CDD505-2E9C-101B-9397-08002B2CF9AE}" pid="10" name="TemplafyFromBlank">
    <vt:bool>true</vt:bool>
  </property>
</Properties>
</file>